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02_川崎市\"/>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A39" i="12" l="1"/>
  <c r="AA38" i="12"/>
  <c r="AA37" i="12"/>
  <c r="AA36" i="12"/>
  <c r="AA35" i="12"/>
  <c r="AA34" i="12"/>
  <c r="AA33" i="12"/>
  <c r="AA32" i="12"/>
  <c r="AA31" i="12"/>
  <c r="AA30" i="12"/>
  <c r="AA29" i="12"/>
  <c r="AA28" i="12"/>
  <c r="AA13" i="12"/>
  <c r="AA12" i="12"/>
  <c r="AA11" i="12"/>
  <c r="AA10" i="12"/>
  <c r="AA9" i="12"/>
  <c r="AA8" i="12"/>
  <c r="AA7" i="12"/>
  <c r="BG36" i="10" l="1"/>
  <c r="BG35" i="10"/>
  <c r="BG34" i="10"/>
  <c r="AO38" i="10"/>
  <c r="AO37" i="10"/>
  <c r="AO36" i="10"/>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E37" i="10"/>
  <c r="AM37" i="10"/>
  <c r="U37" i="10"/>
  <c r="C37" i="10"/>
  <c r="BE36" i="10"/>
  <c r="AM36" i="10"/>
  <c r="U36" i="10"/>
  <c r="C36" i="10"/>
  <c r="BE35" i="10"/>
  <c r="AM35" i="10"/>
  <c r="U35" i="10"/>
  <c r="C35" i="10"/>
  <c r="BW34" i="10"/>
  <c r="BW35" i="10" s="1"/>
  <c r="BW36" i="10" s="1"/>
  <c r="BW37" i="10" s="1"/>
  <c r="BE34" i="10"/>
  <c r="AM34" i="10"/>
  <c r="U34" i="10"/>
  <c r="C34" i="10"/>
  <c r="CO34" i="10" l="1"/>
  <c r="CO35" i="10" s="1"/>
  <c r="CO36" i="10" s="1"/>
  <c r="CO37" i="10" s="1"/>
  <c r="CO38" i="10" s="1"/>
  <c r="CO39" i="10" s="1"/>
  <c r="CO40" i="10" s="1"/>
  <c r="CO41" i="10" s="1"/>
  <c r="CO42" i="10" s="1"/>
  <c r="CO43"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34" uniqueCount="64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政令指定都市</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川崎市</t>
    <phoneticPr fontId="5"/>
  </si>
  <si>
    <t>地方交付税種地</t>
    <rPh sb="0" eb="2">
      <t>チホウ</t>
    </rPh>
    <rPh sb="2" eb="5">
      <t>コウフゼイ</t>
    </rPh>
    <rPh sb="5" eb="6">
      <t>シュ</t>
    </rPh>
    <rPh sb="6" eb="7">
      <t>チ</t>
    </rPh>
    <phoneticPr fontId="5"/>
  </si>
  <si>
    <t>1-9</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5</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4"/>
  </si>
  <si>
    <t>うち日本人(％)</t>
    <phoneticPr fontId="5"/>
  </si>
  <si>
    <t>0.7</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川崎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病院</t>
    <phoneticPr fontId="5"/>
  </si>
  <si>
    <t>加入世帯数(世帯)</t>
  </si>
  <si>
    <t>　　うち一部事務組合負担金</t>
    <phoneticPr fontId="5"/>
  </si>
  <si>
    <t>歳入合計</t>
    <phoneticPr fontId="5"/>
  </si>
  <si>
    <t>交通</t>
    <phoneticPr fontId="5"/>
  </si>
  <si>
    <t>被保険者数(人)</t>
  </si>
  <si>
    <t>　繰出金</t>
    <phoneticPr fontId="5"/>
  </si>
  <si>
    <t>上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川崎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母子父子寡婦福祉資金貸付事業特別会計</t>
    <phoneticPr fontId="5"/>
  </si>
  <si>
    <t>公害健康被害補償事業特別会計</t>
    <phoneticPr fontId="5"/>
  </si>
  <si>
    <t>勤労者福祉共済事業特別会計</t>
    <phoneticPr fontId="5"/>
  </si>
  <si>
    <t>-</t>
    <phoneticPr fontId="5"/>
  </si>
  <si>
    <t>墓地整備事業特別会計</t>
    <phoneticPr fontId="5"/>
  </si>
  <si>
    <t>公共用地先行取得等事業特別会計</t>
    <phoneticPr fontId="5"/>
  </si>
  <si>
    <t>-</t>
    <phoneticPr fontId="5"/>
  </si>
  <si>
    <t>公債管理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競輪事業特別会計</t>
    <phoneticPr fontId="5"/>
  </si>
  <si>
    <t>国民健康保険事業特別会計</t>
    <phoneticPr fontId="5"/>
  </si>
  <si>
    <t>後期高齢者医療事業特別会計</t>
    <phoneticPr fontId="5"/>
  </si>
  <si>
    <t>介護保険事業特別会計</t>
    <phoneticPr fontId="5"/>
  </si>
  <si>
    <t>病院事業会計</t>
    <phoneticPr fontId="5"/>
  </si>
  <si>
    <t>法適用企業</t>
    <phoneticPr fontId="5"/>
  </si>
  <si>
    <t>下水道事業会計</t>
    <phoneticPr fontId="5"/>
  </si>
  <si>
    <t>法適用企業</t>
    <phoneticPr fontId="5"/>
  </si>
  <si>
    <t>水道事業会計</t>
    <phoneticPr fontId="5"/>
  </si>
  <si>
    <t>工業用水道事業会計</t>
    <phoneticPr fontId="5"/>
  </si>
  <si>
    <t>法適用企業</t>
    <phoneticPr fontId="5"/>
  </si>
  <si>
    <t>自動車運送事業会計</t>
    <phoneticPr fontId="5"/>
  </si>
  <si>
    <t>卸売市場事業特別会計</t>
    <phoneticPr fontId="5"/>
  </si>
  <si>
    <t>-</t>
    <phoneticPr fontId="5"/>
  </si>
  <si>
    <t>法非適用企業</t>
    <phoneticPr fontId="5"/>
  </si>
  <si>
    <t>港湾整備事業特別会計</t>
    <phoneticPr fontId="5"/>
  </si>
  <si>
    <t>法非適用企業</t>
    <phoneticPr fontId="5"/>
  </si>
  <si>
    <t>生田緑地ゴルフ場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t>
    <phoneticPr fontId="5"/>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t>
    <phoneticPr fontId="5"/>
  </si>
  <si>
    <t>-</t>
    <phoneticPr fontId="5"/>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t>
    <phoneticPr fontId="5"/>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水道事業会計</t>
    <phoneticPr fontId="5"/>
  </si>
  <si>
    <t>(Ｆ)</t>
    <phoneticPr fontId="5"/>
  </si>
  <si>
    <t>卸売市場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水道事業会計</t>
  </si>
  <si>
    <t>下水道事業会計</t>
  </si>
  <si>
    <t>工業用水道事業会計</t>
  </si>
  <si>
    <t>病院事業会計</t>
  </si>
  <si>
    <t>港湾整備事業特別会計</t>
  </si>
  <si>
    <t>介護保険事業特別会計</t>
  </si>
  <si>
    <t>墓地整備事業特別会計</t>
  </si>
  <si>
    <t>一般会計</t>
  </si>
  <si>
    <t>その他会計（赤字）</t>
  </si>
  <si>
    <t>▲ 0.03</t>
  </si>
  <si>
    <t>▲ 0.06</t>
  </si>
  <si>
    <t>その他会計（黒字）</t>
  </si>
  <si>
    <t>H25末</t>
    <phoneticPr fontId="5"/>
  </si>
  <si>
    <t>H26末</t>
    <phoneticPr fontId="5"/>
  </si>
  <si>
    <t>H27末</t>
    <phoneticPr fontId="5"/>
  </si>
  <si>
    <t>H28末</t>
    <phoneticPr fontId="5"/>
  </si>
  <si>
    <t>H29末</t>
    <phoneticPr fontId="5"/>
  </si>
  <si>
    <t>かわさき市民放送</t>
  </si>
  <si>
    <t>川崎市土地開発公社</t>
  </si>
  <si>
    <t>川崎市文化財団</t>
  </si>
  <si>
    <t>川崎市国際交流協会</t>
  </si>
  <si>
    <t>川崎市スポーツ協会</t>
  </si>
  <si>
    <t>川崎アゼリア</t>
  </si>
  <si>
    <t>川崎冷蔵</t>
  </si>
  <si>
    <t>川崎市産業振興財団</t>
  </si>
  <si>
    <t>川崎・横浜公害保健センター</t>
  </si>
  <si>
    <t>川崎市シルバー人材センター</t>
  </si>
  <si>
    <t>川崎市身体障害者協会</t>
  </si>
  <si>
    <t>川崎市看護師養成確保事業団</t>
  </si>
  <si>
    <t>川崎市母子寡婦福祉協議会</t>
  </si>
  <si>
    <t>神奈川県住宅供給公社</t>
  </si>
  <si>
    <t>川崎市まちづくり公社</t>
  </si>
  <si>
    <t>川崎市住宅供給公社</t>
  </si>
  <si>
    <t>みぞのくち新都市</t>
  </si>
  <si>
    <t>川崎市公園緑地協会</t>
  </si>
  <si>
    <t>川崎臨港倉庫埠頭</t>
  </si>
  <si>
    <t>かわさきファズ</t>
  </si>
  <si>
    <t>川崎市消防防災指導公社</t>
  </si>
  <si>
    <t>川崎市学校給食会</t>
  </si>
  <si>
    <t>川崎市生涯学習財団</t>
  </si>
  <si>
    <t>-</t>
    <phoneticPr fontId="2"/>
  </si>
  <si>
    <t>神奈川県川崎競馬組合</t>
  </si>
  <si>
    <t>神奈川県内広域水道企業団</t>
  </si>
  <si>
    <t>神奈川県後期高齢者医療広域連合
（一般会計）</t>
  </si>
  <si>
    <t>神奈川県後期高齢者医療広域連合
（後期高齢者医療特別会計）</t>
  </si>
  <si>
    <t>鉄道整備事業基金</t>
    <rPh sb="0" eb="2">
      <t>テツドウ</t>
    </rPh>
    <rPh sb="2" eb="4">
      <t>セイビ</t>
    </rPh>
    <rPh sb="4" eb="6">
      <t>ジギョウ</t>
    </rPh>
    <rPh sb="6" eb="8">
      <t>キキン</t>
    </rPh>
    <phoneticPr fontId="11"/>
  </si>
  <si>
    <t>都市整備事業基金</t>
    <rPh sb="0" eb="2">
      <t>トシ</t>
    </rPh>
    <rPh sb="2" eb="4">
      <t>セイビ</t>
    </rPh>
    <rPh sb="4" eb="6">
      <t>ジギョウ</t>
    </rPh>
    <rPh sb="6" eb="8">
      <t>キキン</t>
    </rPh>
    <phoneticPr fontId="11"/>
  </si>
  <si>
    <t>緑化基金</t>
    <rPh sb="0" eb="2">
      <t>リョクカ</t>
    </rPh>
    <rPh sb="2" eb="4">
      <t>キキン</t>
    </rPh>
    <phoneticPr fontId="11"/>
  </si>
  <si>
    <t>市営住宅等修繕基金</t>
  </si>
  <si>
    <t>資源再生化基金</t>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本市の固定資産台帳等を活用し、将来２０年間の公共建築物の修繕費・更新費の将来見通しを試算した結果、すべての施設について計画的な長寿命化を行うことで施設の更新費を減少させ、全体事業費の縮減・平準化を図ることが必要である。本市の将来負担比率は類似団体の平均を上回った水準となっているため、長寿命化の取組等により将来負担すべき負債を抑える取組を引き続き推進する必要がある。</t>
    <phoneticPr fontId="5"/>
  </si>
  <si>
    <t>(　参考　）</t>
    <rPh sb="2" eb="4">
      <t>サンコウ</t>
    </rPh>
    <phoneticPr fontId="5"/>
  </si>
  <si>
    <t>当該団体値</t>
    <rPh sb="0" eb="2">
      <t>トウガイ</t>
    </rPh>
    <rPh sb="2" eb="4">
      <t>ダンタイ</t>
    </rPh>
    <rPh sb="4" eb="5">
      <t>アタイ</t>
    </rPh>
    <phoneticPr fontId="5"/>
  </si>
  <si>
    <t>将来負担比率</t>
    <phoneticPr fontId="5"/>
  </si>
  <si>
    <t>将来負担比率</t>
    <phoneticPr fontId="5"/>
  </si>
  <si>
    <t>有形固定資産減価償却率</t>
    <phoneticPr fontId="5"/>
  </si>
  <si>
    <t>類似団体内平均値</t>
    <phoneticPr fontId="5"/>
  </si>
  <si>
    <t>有形固定資産減価償却率</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r>
      <t>　本市の実質公債費比率は、</t>
    </r>
    <r>
      <rPr>
        <sz val="11"/>
        <rFont val="ＭＳ Ｐゴシック"/>
        <family val="3"/>
        <charset val="128"/>
      </rPr>
      <t>税収増により標準財政規模の増となったものの、満期一括償還分の積立金の増などにより上昇している。将来負担比率については、将来負担額が地方債現在高、退職手当支給予定額の減などにより減少したことに加え、充当可能基金が財政調整基金現在高の増等により増加したことで、</t>
    </r>
    <r>
      <rPr>
        <sz val="11"/>
        <color indexed="8"/>
        <rFont val="ＭＳ Ｐゴシック"/>
        <family val="3"/>
        <charset val="128"/>
      </rPr>
      <t>緩やかな上昇から下降に転じている。
　本市では、平成30年３月に「今後の財政運営の基本的な考え方」を改定し、その１つに「将来負担の抑制」として、市債を適切に活用しながらも、若い世代や子どもたちにとって過度な将来負担とならないように、中長期的にプライマリーバランス（基礎的財政収支：過去の債務に関わる元利払いを除いた歳出と、市債発行などを除いた歳入との収支）の安定的な黒字の確保に努め、市債残高を適正に管理することを位置付けている。今後も、これらの考え方に基づき、「必要な施策・事業の着実な推進」と「持続可能な行財政基盤の構築」の両立に向けた財政運営を進める。</t>
    </r>
    <rPh sb="35" eb="37">
      <t>マンキ</t>
    </rPh>
    <rPh sb="37" eb="39">
      <t>イッカツ</t>
    </rPh>
    <rPh sb="39" eb="41">
      <t>ショウカン</t>
    </rPh>
    <rPh sb="41" eb="42">
      <t>ブン</t>
    </rPh>
    <rPh sb="43" eb="45">
      <t>ツミタテ</t>
    </rPh>
    <rPh sb="45" eb="46">
      <t>キン</t>
    </rPh>
    <rPh sb="47" eb="48">
      <t>ゾウ</t>
    </rPh>
    <rPh sb="53" eb="55">
      <t>ジョウショウ</t>
    </rPh>
    <rPh sb="72" eb="74">
      <t>ショウライ</t>
    </rPh>
    <rPh sb="74" eb="76">
      <t>フタン</t>
    </rPh>
    <rPh sb="76" eb="77">
      <t>ガク</t>
    </rPh>
    <rPh sb="141" eb="142">
      <t>ユル</t>
    </rPh>
    <rPh sb="149" eb="151">
      <t>カコウ</t>
    </rPh>
    <rPh sb="152" eb="153">
      <t>テン</t>
    </rPh>
    <phoneticPr fontId="5"/>
  </si>
  <si>
    <t>実質公債費比率</t>
    <phoneticPr fontId="5"/>
  </si>
  <si>
    <t xml:space="preserve"> </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87" fontId="1" fillId="6" borderId="188"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572</c:v>
                </c:pt>
                <c:pt idx="1">
                  <c:v>51898</c:v>
                </c:pt>
                <c:pt idx="2">
                  <c:v>51684</c:v>
                </c:pt>
                <c:pt idx="3">
                  <c:v>52897</c:v>
                </c:pt>
                <c:pt idx="4">
                  <c:v>54945</c:v>
                </c:pt>
              </c:numCache>
            </c:numRef>
          </c:val>
          <c:smooth val="0"/>
          <c:extLst xmlns:c16r2="http://schemas.microsoft.com/office/drawing/2015/06/chart">
            <c:ext xmlns:c16="http://schemas.microsoft.com/office/drawing/2014/chart" uri="{C3380CC4-5D6E-409C-BE32-E72D297353CC}">
              <c16:uniqueId val="{00000000-31DE-4D47-8017-DA7D2DA2E2B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63713</c:v>
                </c:pt>
                <c:pt idx="1">
                  <c:v>51687</c:v>
                </c:pt>
                <c:pt idx="2">
                  <c:v>52284</c:v>
                </c:pt>
                <c:pt idx="3">
                  <c:v>64969</c:v>
                </c:pt>
                <c:pt idx="4">
                  <c:v>61625</c:v>
                </c:pt>
              </c:numCache>
            </c:numRef>
          </c:val>
          <c:smooth val="0"/>
          <c:extLst xmlns:c16r2="http://schemas.microsoft.com/office/drawing/2015/06/chart">
            <c:ext xmlns:c16="http://schemas.microsoft.com/office/drawing/2014/chart" uri="{C3380CC4-5D6E-409C-BE32-E72D297353CC}">
              <c16:uniqueId val="{00000001-31DE-4D47-8017-DA7D2DA2E2BA}"/>
            </c:ext>
          </c:extLst>
        </c:ser>
        <c:dLbls>
          <c:showLegendKey val="0"/>
          <c:showVal val="0"/>
          <c:showCatName val="0"/>
          <c:showSerName val="0"/>
          <c:showPercent val="0"/>
          <c:showBubbleSize val="0"/>
        </c:dLbls>
        <c:marker val="1"/>
        <c:smooth val="0"/>
        <c:axId val="530975232"/>
        <c:axId val="530969744"/>
      </c:lineChart>
      <c:catAx>
        <c:axId val="53097523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30969744"/>
        <c:crosses val="autoZero"/>
        <c:auto val="1"/>
        <c:lblAlgn val="ctr"/>
        <c:lblOffset val="100"/>
        <c:tickLblSkip val="1"/>
        <c:tickMarkSkip val="1"/>
        <c:noMultiLvlLbl val="0"/>
      </c:catAx>
      <c:valAx>
        <c:axId val="530969744"/>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3097523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0.14000000000000001</c:v>
                </c:pt>
                <c:pt idx="1">
                  <c:v>0.16</c:v>
                </c:pt>
                <c:pt idx="2">
                  <c:v>0.18</c:v>
                </c:pt>
                <c:pt idx="3">
                  <c:v>0.2</c:v>
                </c:pt>
                <c:pt idx="4">
                  <c:v>0.17</c:v>
                </c:pt>
              </c:numCache>
            </c:numRef>
          </c:val>
          <c:extLst xmlns:c16r2="http://schemas.microsoft.com/office/drawing/2015/06/chart">
            <c:ext xmlns:c16="http://schemas.microsoft.com/office/drawing/2014/chart" uri="{C3380CC4-5D6E-409C-BE32-E72D297353CC}">
              <c16:uniqueId val="{00000000-A2C3-4519-872A-E8FEF070D076}"/>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0.95</c:v>
                </c:pt>
                <c:pt idx="1">
                  <c:v>1.63</c:v>
                </c:pt>
                <c:pt idx="2">
                  <c:v>1.73</c:v>
                </c:pt>
                <c:pt idx="3">
                  <c:v>1.57</c:v>
                </c:pt>
                <c:pt idx="4">
                  <c:v>1.66</c:v>
                </c:pt>
              </c:numCache>
            </c:numRef>
          </c:val>
          <c:extLst xmlns:c16r2="http://schemas.microsoft.com/office/drawing/2015/06/chart">
            <c:ext xmlns:c16="http://schemas.microsoft.com/office/drawing/2014/chart" uri="{C3380CC4-5D6E-409C-BE32-E72D297353CC}">
              <c16:uniqueId val="{00000001-A2C3-4519-872A-E8FEF070D076}"/>
            </c:ext>
          </c:extLst>
        </c:ser>
        <c:dLbls>
          <c:showLegendKey val="0"/>
          <c:showVal val="0"/>
          <c:showCatName val="0"/>
          <c:showSerName val="0"/>
          <c:showPercent val="0"/>
          <c:showBubbleSize val="0"/>
        </c:dLbls>
        <c:gapWidth val="250"/>
        <c:overlap val="100"/>
        <c:axId val="530976016"/>
        <c:axId val="53097288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09</c:v>
                </c:pt>
                <c:pt idx="1">
                  <c:v>0.69</c:v>
                </c:pt>
                <c:pt idx="2">
                  <c:v>0.12</c:v>
                </c:pt>
                <c:pt idx="3">
                  <c:v>7.0000000000000007E-2</c:v>
                </c:pt>
                <c:pt idx="4">
                  <c:v>7.0000000000000007E-2</c:v>
                </c:pt>
              </c:numCache>
            </c:numRef>
          </c:val>
          <c:smooth val="0"/>
          <c:extLst xmlns:c16r2="http://schemas.microsoft.com/office/drawing/2015/06/chart">
            <c:ext xmlns:c16="http://schemas.microsoft.com/office/drawing/2014/chart" uri="{C3380CC4-5D6E-409C-BE32-E72D297353CC}">
              <c16:uniqueId val="{00000002-A2C3-4519-872A-E8FEF070D076}"/>
            </c:ext>
          </c:extLst>
        </c:ser>
        <c:dLbls>
          <c:showLegendKey val="0"/>
          <c:showVal val="0"/>
          <c:showCatName val="0"/>
          <c:showSerName val="0"/>
          <c:showPercent val="0"/>
          <c:showBubbleSize val="0"/>
        </c:dLbls>
        <c:marker val="1"/>
        <c:smooth val="0"/>
        <c:axId val="530976016"/>
        <c:axId val="530972880"/>
      </c:lineChart>
      <c:catAx>
        <c:axId val="5309760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30972880"/>
        <c:crosses val="autoZero"/>
        <c:auto val="1"/>
        <c:lblAlgn val="ctr"/>
        <c:lblOffset val="100"/>
        <c:tickLblSkip val="1"/>
        <c:tickMarkSkip val="1"/>
        <c:noMultiLvlLbl val="0"/>
      </c:catAx>
      <c:valAx>
        <c:axId val="53097288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309760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13</c:v>
                </c:pt>
                <c:pt idx="2">
                  <c:v>#N/A</c:v>
                </c:pt>
                <c:pt idx="3">
                  <c:v>0.15</c:v>
                </c:pt>
                <c:pt idx="4">
                  <c:v>#N/A</c:v>
                </c:pt>
                <c:pt idx="5">
                  <c:v>0.16</c:v>
                </c:pt>
                <c:pt idx="6">
                  <c:v>#N/A</c:v>
                </c:pt>
                <c:pt idx="7">
                  <c:v>0.12</c:v>
                </c:pt>
                <c:pt idx="8">
                  <c:v>#N/A</c:v>
                </c:pt>
                <c:pt idx="9">
                  <c:v>0.09</c:v>
                </c:pt>
              </c:numCache>
            </c:numRef>
          </c:val>
          <c:extLst xmlns:c16r2="http://schemas.microsoft.com/office/drawing/2015/06/chart">
            <c:ext xmlns:c16="http://schemas.microsoft.com/office/drawing/2014/chart" uri="{C3380CC4-5D6E-409C-BE32-E72D297353CC}">
              <c16:uniqueId val="{00000000-60FB-41E3-92CA-F982FC85DC25}"/>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03</c:v>
                </c:pt>
                <c:pt idx="1">
                  <c:v>#N/A</c:v>
                </c:pt>
                <c:pt idx="2">
                  <c:v>0</c:v>
                </c:pt>
                <c:pt idx="3">
                  <c:v>0</c:v>
                </c:pt>
                <c:pt idx="4">
                  <c:v>0</c:v>
                </c:pt>
                <c:pt idx="5">
                  <c:v>0</c:v>
                </c:pt>
                <c:pt idx="6">
                  <c:v>0.06</c:v>
                </c:pt>
                <c:pt idx="7">
                  <c:v>#N/A</c:v>
                </c:pt>
                <c:pt idx="8">
                  <c:v>0</c:v>
                </c:pt>
                <c:pt idx="9">
                  <c:v>0</c:v>
                </c:pt>
              </c:numCache>
            </c:numRef>
          </c:val>
          <c:extLst xmlns:c16r2="http://schemas.microsoft.com/office/drawing/2015/06/chart">
            <c:ext xmlns:c16="http://schemas.microsoft.com/office/drawing/2014/chart" uri="{C3380CC4-5D6E-409C-BE32-E72D297353CC}">
              <c16:uniqueId val="{00000001-60FB-41E3-92CA-F982FC85DC25}"/>
            </c:ext>
          </c:extLst>
        </c:ser>
        <c:ser>
          <c:idx val="2"/>
          <c:order val="2"/>
          <c:tx>
            <c:strRef>
              <c:f>データシート!$A$29</c:f>
              <c:strCache>
                <c:ptCount val="1"/>
                <c:pt idx="0">
                  <c:v>一般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05</c:v>
                </c:pt>
                <c:pt idx="2">
                  <c:v>#N/A</c:v>
                </c:pt>
                <c:pt idx="3">
                  <c:v>0.06</c:v>
                </c:pt>
                <c:pt idx="4">
                  <c:v>#N/A</c:v>
                </c:pt>
                <c:pt idx="5">
                  <c:v>0.06</c:v>
                </c:pt>
                <c:pt idx="6">
                  <c:v>#N/A</c:v>
                </c:pt>
                <c:pt idx="7">
                  <c:v>0.05</c:v>
                </c:pt>
                <c:pt idx="8">
                  <c:v>#N/A</c:v>
                </c:pt>
                <c:pt idx="9">
                  <c:v>0.05</c:v>
                </c:pt>
              </c:numCache>
            </c:numRef>
          </c:val>
          <c:extLst xmlns:c16r2="http://schemas.microsoft.com/office/drawing/2015/06/chart">
            <c:ext xmlns:c16="http://schemas.microsoft.com/office/drawing/2014/chart" uri="{C3380CC4-5D6E-409C-BE32-E72D297353CC}">
              <c16:uniqueId val="{00000002-60FB-41E3-92CA-F982FC85DC25}"/>
            </c:ext>
          </c:extLst>
        </c:ser>
        <c:ser>
          <c:idx val="3"/>
          <c:order val="3"/>
          <c:tx>
            <c:strRef>
              <c:f>データシート!$A$30</c:f>
              <c:strCache>
                <c:ptCount val="1"/>
                <c:pt idx="0">
                  <c:v>墓地整備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03</c:v>
                </c:pt>
                <c:pt idx="2">
                  <c:v>#N/A</c:v>
                </c:pt>
                <c:pt idx="3">
                  <c:v>0.04</c:v>
                </c:pt>
                <c:pt idx="4">
                  <c:v>#N/A</c:v>
                </c:pt>
                <c:pt idx="5">
                  <c:v>7.0000000000000007E-2</c:v>
                </c:pt>
                <c:pt idx="6">
                  <c:v>#N/A</c:v>
                </c:pt>
                <c:pt idx="7">
                  <c:v>0.1</c:v>
                </c:pt>
                <c:pt idx="8">
                  <c:v>#N/A</c:v>
                </c:pt>
                <c:pt idx="9">
                  <c:v>7.0000000000000007E-2</c:v>
                </c:pt>
              </c:numCache>
            </c:numRef>
          </c:val>
          <c:extLst xmlns:c16r2="http://schemas.microsoft.com/office/drawing/2015/06/chart">
            <c:ext xmlns:c16="http://schemas.microsoft.com/office/drawing/2014/chart" uri="{C3380CC4-5D6E-409C-BE32-E72D297353CC}">
              <c16:uniqueId val="{00000003-60FB-41E3-92CA-F982FC85DC25}"/>
            </c:ext>
          </c:extLst>
        </c:ser>
        <c:ser>
          <c:idx val="4"/>
          <c:order val="4"/>
          <c:tx>
            <c:strRef>
              <c:f>データシート!$A$31</c:f>
              <c:strCache>
                <c:ptCount val="1"/>
                <c:pt idx="0">
                  <c:v>介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09</c:v>
                </c:pt>
                <c:pt idx="2">
                  <c:v>#N/A</c:v>
                </c:pt>
                <c:pt idx="3">
                  <c:v>0.31</c:v>
                </c:pt>
                <c:pt idx="4">
                  <c:v>#N/A</c:v>
                </c:pt>
                <c:pt idx="5">
                  <c:v>0.55000000000000004</c:v>
                </c:pt>
                <c:pt idx="6">
                  <c:v>#N/A</c:v>
                </c:pt>
                <c:pt idx="7">
                  <c:v>0.12</c:v>
                </c:pt>
                <c:pt idx="8">
                  <c:v>#N/A</c:v>
                </c:pt>
                <c:pt idx="9">
                  <c:v>0.19</c:v>
                </c:pt>
              </c:numCache>
            </c:numRef>
          </c:val>
          <c:extLst xmlns:c16r2="http://schemas.microsoft.com/office/drawing/2015/06/chart">
            <c:ext xmlns:c16="http://schemas.microsoft.com/office/drawing/2014/chart" uri="{C3380CC4-5D6E-409C-BE32-E72D297353CC}">
              <c16:uniqueId val="{00000004-60FB-41E3-92CA-F982FC85DC25}"/>
            </c:ext>
          </c:extLst>
        </c:ser>
        <c:ser>
          <c:idx val="5"/>
          <c:order val="5"/>
          <c:tx>
            <c:strRef>
              <c:f>データシート!$A$32</c:f>
              <c:strCache>
                <c:ptCount val="1"/>
                <c:pt idx="0">
                  <c:v>港湾整備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12</c:v>
                </c:pt>
                <c:pt idx="2">
                  <c:v>#N/A</c:v>
                </c:pt>
                <c:pt idx="3">
                  <c:v>0</c:v>
                </c:pt>
                <c:pt idx="4">
                  <c:v>#N/A</c:v>
                </c:pt>
                <c:pt idx="5">
                  <c:v>0</c:v>
                </c:pt>
                <c:pt idx="6">
                  <c:v>#N/A</c:v>
                </c:pt>
                <c:pt idx="7">
                  <c:v>0</c:v>
                </c:pt>
                <c:pt idx="8">
                  <c:v>#N/A</c:v>
                </c:pt>
                <c:pt idx="9">
                  <c:v>0.48</c:v>
                </c:pt>
              </c:numCache>
            </c:numRef>
          </c:val>
          <c:extLst xmlns:c16r2="http://schemas.microsoft.com/office/drawing/2015/06/chart">
            <c:ext xmlns:c16="http://schemas.microsoft.com/office/drawing/2014/chart" uri="{C3380CC4-5D6E-409C-BE32-E72D297353CC}">
              <c16:uniqueId val="{00000005-60FB-41E3-92CA-F982FC85DC25}"/>
            </c:ext>
          </c:extLst>
        </c:ser>
        <c:ser>
          <c:idx val="6"/>
          <c:order val="6"/>
          <c:tx>
            <c:strRef>
              <c:f>データシート!$A$33</c:f>
              <c:strCache>
                <c:ptCount val="1"/>
                <c:pt idx="0">
                  <c:v>病院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1.65</c:v>
                </c:pt>
                <c:pt idx="2">
                  <c:v>#N/A</c:v>
                </c:pt>
                <c:pt idx="3">
                  <c:v>1.49</c:v>
                </c:pt>
                <c:pt idx="4">
                  <c:v>#N/A</c:v>
                </c:pt>
                <c:pt idx="5">
                  <c:v>1.04</c:v>
                </c:pt>
                <c:pt idx="6">
                  <c:v>#N/A</c:v>
                </c:pt>
                <c:pt idx="7">
                  <c:v>0.51</c:v>
                </c:pt>
                <c:pt idx="8">
                  <c:v>#N/A</c:v>
                </c:pt>
                <c:pt idx="9">
                  <c:v>0.5</c:v>
                </c:pt>
              </c:numCache>
            </c:numRef>
          </c:val>
          <c:extLst xmlns:c16r2="http://schemas.microsoft.com/office/drawing/2015/06/chart">
            <c:ext xmlns:c16="http://schemas.microsoft.com/office/drawing/2014/chart" uri="{C3380CC4-5D6E-409C-BE32-E72D297353CC}">
              <c16:uniqueId val="{00000006-60FB-41E3-92CA-F982FC85DC25}"/>
            </c:ext>
          </c:extLst>
        </c:ser>
        <c:ser>
          <c:idx val="7"/>
          <c:order val="7"/>
          <c:tx>
            <c:strRef>
              <c:f>データシート!$A$34</c:f>
              <c:strCache>
                <c:ptCount val="1"/>
                <c:pt idx="0">
                  <c:v>工業用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2.54</c:v>
                </c:pt>
                <c:pt idx="2">
                  <c:v>#N/A</c:v>
                </c:pt>
                <c:pt idx="3">
                  <c:v>2.42</c:v>
                </c:pt>
                <c:pt idx="4">
                  <c:v>#N/A</c:v>
                </c:pt>
                <c:pt idx="5">
                  <c:v>2</c:v>
                </c:pt>
                <c:pt idx="6">
                  <c:v>#N/A</c:v>
                </c:pt>
                <c:pt idx="7">
                  <c:v>2.08</c:v>
                </c:pt>
                <c:pt idx="8">
                  <c:v>#N/A</c:v>
                </c:pt>
                <c:pt idx="9">
                  <c:v>2.27</c:v>
                </c:pt>
              </c:numCache>
            </c:numRef>
          </c:val>
          <c:extLst xmlns:c16r2="http://schemas.microsoft.com/office/drawing/2015/06/chart">
            <c:ext xmlns:c16="http://schemas.microsoft.com/office/drawing/2014/chart" uri="{C3380CC4-5D6E-409C-BE32-E72D297353CC}">
              <c16:uniqueId val="{00000007-60FB-41E3-92CA-F982FC85DC25}"/>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1.39</c:v>
                </c:pt>
                <c:pt idx="2">
                  <c:v>#N/A</c:v>
                </c:pt>
                <c:pt idx="3">
                  <c:v>1.47</c:v>
                </c:pt>
                <c:pt idx="4">
                  <c:v>#N/A</c:v>
                </c:pt>
                <c:pt idx="5">
                  <c:v>2.13</c:v>
                </c:pt>
                <c:pt idx="6">
                  <c:v>#N/A</c:v>
                </c:pt>
                <c:pt idx="7">
                  <c:v>2.5</c:v>
                </c:pt>
                <c:pt idx="8">
                  <c:v>#N/A</c:v>
                </c:pt>
                <c:pt idx="9">
                  <c:v>3.07</c:v>
                </c:pt>
              </c:numCache>
            </c:numRef>
          </c:val>
          <c:extLst xmlns:c16r2="http://schemas.microsoft.com/office/drawing/2015/06/chart">
            <c:ext xmlns:c16="http://schemas.microsoft.com/office/drawing/2014/chart" uri="{C3380CC4-5D6E-409C-BE32-E72D297353CC}">
              <c16:uniqueId val="{00000008-60FB-41E3-92CA-F982FC85DC25}"/>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3.35</c:v>
                </c:pt>
                <c:pt idx="2">
                  <c:v>#N/A</c:v>
                </c:pt>
                <c:pt idx="3">
                  <c:v>3.13</c:v>
                </c:pt>
                <c:pt idx="4">
                  <c:v>#N/A</c:v>
                </c:pt>
                <c:pt idx="5">
                  <c:v>3.56</c:v>
                </c:pt>
                <c:pt idx="6">
                  <c:v>#N/A</c:v>
                </c:pt>
                <c:pt idx="7">
                  <c:v>3.08</c:v>
                </c:pt>
                <c:pt idx="8">
                  <c:v>#N/A</c:v>
                </c:pt>
                <c:pt idx="9">
                  <c:v>3.87</c:v>
                </c:pt>
              </c:numCache>
            </c:numRef>
          </c:val>
          <c:extLst xmlns:c16r2="http://schemas.microsoft.com/office/drawing/2015/06/chart">
            <c:ext xmlns:c16="http://schemas.microsoft.com/office/drawing/2014/chart" uri="{C3380CC4-5D6E-409C-BE32-E72D297353CC}">
              <c16:uniqueId val="{00000009-60FB-41E3-92CA-F982FC85DC25}"/>
            </c:ext>
          </c:extLst>
        </c:ser>
        <c:dLbls>
          <c:showLegendKey val="0"/>
          <c:showVal val="0"/>
          <c:showCatName val="0"/>
          <c:showSerName val="0"/>
          <c:showPercent val="0"/>
          <c:showBubbleSize val="0"/>
        </c:dLbls>
        <c:gapWidth val="150"/>
        <c:overlap val="100"/>
        <c:axId val="530972096"/>
        <c:axId val="530970920"/>
      </c:barChart>
      <c:catAx>
        <c:axId val="5309720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30970920"/>
        <c:crosses val="autoZero"/>
        <c:auto val="1"/>
        <c:lblAlgn val="ctr"/>
        <c:lblOffset val="100"/>
        <c:tickLblSkip val="1"/>
        <c:tickMarkSkip val="1"/>
        <c:noMultiLvlLbl val="0"/>
      </c:catAx>
      <c:valAx>
        <c:axId val="53097092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3097209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64775</c:v>
                </c:pt>
                <c:pt idx="5">
                  <c:v>67042</c:v>
                </c:pt>
                <c:pt idx="8">
                  <c:v>63398</c:v>
                </c:pt>
                <c:pt idx="11">
                  <c:v>62722</c:v>
                </c:pt>
                <c:pt idx="14">
                  <c:v>61001</c:v>
                </c:pt>
              </c:numCache>
            </c:numRef>
          </c:val>
          <c:extLst xmlns:c16r2="http://schemas.microsoft.com/office/drawing/2015/06/chart">
            <c:ext xmlns:c16="http://schemas.microsoft.com/office/drawing/2014/chart" uri="{C3380CC4-5D6E-409C-BE32-E72D297353CC}">
              <c16:uniqueId val="{00000000-1660-4926-B219-ABC519A6EA4D}"/>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1660-4926-B219-ABC519A6EA4D}"/>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938</c:v>
                </c:pt>
                <c:pt idx="3">
                  <c:v>1670</c:v>
                </c:pt>
                <c:pt idx="6">
                  <c:v>1175</c:v>
                </c:pt>
                <c:pt idx="9">
                  <c:v>1124</c:v>
                </c:pt>
                <c:pt idx="12">
                  <c:v>1779</c:v>
                </c:pt>
              </c:numCache>
            </c:numRef>
          </c:val>
          <c:extLst xmlns:c16r2="http://schemas.microsoft.com/office/drawing/2015/06/chart">
            <c:ext xmlns:c16="http://schemas.microsoft.com/office/drawing/2014/chart" uri="{C3380CC4-5D6E-409C-BE32-E72D297353CC}">
              <c16:uniqueId val="{00000002-1660-4926-B219-ABC519A6EA4D}"/>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1660-4926-B219-ABC519A6EA4D}"/>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14318</c:v>
                </c:pt>
                <c:pt idx="3">
                  <c:v>13520</c:v>
                </c:pt>
                <c:pt idx="6">
                  <c:v>13622</c:v>
                </c:pt>
                <c:pt idx="9">
                  <c:v>13192</c:v>
                </c:pt>
                <c:pt idx="12">
                  <c:v>12613</c:v>
                </c:pt>
              </c:numCache>
            </c:numRef>
          </c:val>
          <c:extLst xmlns:c16r2="http://schemas.microsoft.com/office/drawing/2015/06/chart">
            <c:ext xmlns:c16="http://schemas.microsoft.com/office/drawing/2014/chart" uri="{C3380CC4-5D6E-409C-BE32-E72D297353CC}">
              <c16:uniqueId val="{00000004-1660-4926-B219-ABC519A6EA4D}"/>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37529</c:v>
                </c:pt>
                <c:pt idx="3">
                  <c:v>38323</c:v>
                </c:pt>
                <c:pt idx="6">
                  <c:v>40690</c:v>
                </c:pt>
                <c:pt idx="9">
                  <c:v>42112</c:v>
                </c:pt>
                <c:pt idx="12">
                  <c:v>43035</c:v>
                </c:pt>
              </c:numCache>
            </c:numRef>
          </c:val>
          <c:extLst xmlns:c16r2="http://schemas.microsoft.com/office/drawing/2015/06/chart">
            <c:ext xmlns:c16="http://schemas.microsoft.com/office/drawing/2014/chart" uri="{C3380CC4-5D6E-409C-BE32-E72D297353CC}">
              <c16:uniqueId val="{00000005-1660-4926-B219-ABC519A6EA4D}"/>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2098</c:v>
                </c:pt>
                <c:pt idx="3">
                  <c:v>1356</c:v>
                </c:pt>
                <c:pt idx="6">
                  <c:v>785</c:v>
                </c:pt>
                <c:pt idx="9">
                  <c:v>831</c:v>
                </c:pt>
                <c:pt idx="12">
                  <c:v>3071</c:v>
                </c:pt>
              </c:numCache>
            </c:numRef>
          </c:val>
          <c:extLst xmlns:c16r2="http://schemas.microsoft.com/office/drawing/2015/06/chart">
            <c:ext xmlns:c16="http://schemas.microsoft.com/office/drawing/2014/chart" uri="{C3380CC4-5D6E-409C-BE32-E72D297353CC}">
              <c16:uniqueId val="{00000006-1660-4926-B219-ABC519A6EA4D}"/>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30074</c:v>
                </c:pt>
                <c:pt idx="3">
                  <c:v>29722</c:v>
                </c:pt>
                <c:pt idx="6">
                  <c:v>27659</c:v>
                </c:pt>
                <c:pt idx="9">
                  <c:v>26574</c:v>
                </c:pt>
                <c:pt idx="12">
                  <c:v>26386</c:v>
                </c:pt>
              </c:numCache>
            </c:numRef>
          </c:val>
          <c:extLst xmlns:c16r2="http://schemas.microsoft.com/office/drawing/2015/06/chart">
            <c:ext xmlns:c16="http://schemas.microsoft.com/office/drawing/2014/chart" uri="{C3380CC4-5D6E-409C-BE32-E72D297353CC}">
              <c16:uniqueId val="{00000007-1660-4926-B219-ABC519A6EA4D}"/>
            </c:ext>
          </c:extLst>
        </c:ser>
        <c:dLbls>
          <c:showLegendKey val="0"/>
          <c:showVal val="0"/>
          <c:showCatName val="0"/>
          <c:showSerName val="0"/>
          <c:showPercent val="0"/>
          <c:showBubbleSize val="0"/>
        </c:dLbls>
        <c:gapWidth val="100"/>
        <c:overlap val="100"/>
        <c:axId val="518068368"/>
        <c:axId val="51806640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20182</c:v>
                </c:pt>
                <c:pt idx="2">
                  <c:v>#N/A</c:v>
                </c:pt>
                <c:pt idx="3">
                  <c:v>#N/A</c:v>
                </c:pt>
                <c:pt idx="4">
                  <c:v>17549</c:v>
                </c:pt>
                <c:pt idx="5">
                  <c:v>#N/A</c:v>
                </c:pt>
                <c:pt idx="6">
                  <c:v>#N/A</c:v>
                </c:pt>
                <c:pt idx="7">
                  <c:v>20533</c:v>
                </c:pt>
                <c:pt idx="8">
                  <c:v>#N/A</c:v>
                </c:pt>
                <c:pt idx="9">
                  <c:v>#N/A</c:v>
                </c:pt>
                <c:pt idx="10">
                  <c:v>21111</c:v>
                </c:pt>
                <c:pt idx="11">
                  <c:v>#N/A</c:v>
                </c:pt>
                <c:pt idx="12">
                  <c:v>#N/A</c:v>
                </c:pt>
                <c:pt idx="13">
                  <c:v>25883</c:v>
                </c:pt>
                <c:pt idx="14">
                  <c:v>#N/A</c:v>
                </c:pt>
              </c:numCache>
            </c:numRef>
          </c:val>
          <c:smooth val="0"/>
          <c:extLst xmlns:c16r2="http://schemas.microsoft.com/office/drawing/2015/06/chart">
            <c:ext xmlns:c16="http://schemas.microsoft.com/office/drawing/2014/chart" uri="{C3380CC4-5D6E-409C-BE32-E72D297353CC}">
              <c16:uniqueId val="{00000008-1660-4926-B219-ABC519A6EA4D}"/>
            </c:ext>
          </c:extLst>
        </c:ser>
        <c:dLbls>
          <c:showLegendKey val="0"/>
          <c:showVal val="0"/>
          <c:showCatName val="0"/>
          <c:showSerName val="0"/>
          <c:showPercent val="0"/>
          <c:showBubbleSize val="0"/>
        </c:dLbls>
        <c:marker val="1"/>
        <c:smooth val="0"/>
        <c:axId val="518068368"/>
        <c:axId val="518066408"/>
      </c:lineChart>
      <c:catAx>
        <c:axId val="5180683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18066408"/>
        <c:crosses val="autoZero"/>
        <c:auto val="1"/>
        <c:lblAlgn val="ctr"/>
        <c:lblOffset val="100"/>
        <c:tickLblSkip val="1"/>
        <c:tickMarkSkip val="1"/>
        <c:noMultiLvlLbl val="0"/>
      </c:catAx>
      <c:valAx>
        <c:axId val="51806640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180683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524027</c:v>
                </c:pt>
                <c:pt idx="5">
                  <c:v>505035</c:v>
                </c:pt>
                <c:pt idx="8">
                  <c:v>485164</c:v>
                </c:pt>
                <c:pt idx="11">
                  <c:v>459442</c:v>
                </c:pt>
                <c:pt idx="14">
                  <c:v>437760</c:v>
                </c:pt>
              </c:numCache>
            </c:numRef>
          </c:val>
          <c:extLst xmlns:c16r2="http://schemas.microsoft.com/office/drawing/2015/06/chart">
            <c:ext xmlns:c16="http://schemas.microsoft.com/office/drawing/2014/chart" uri="{C3380CC4-5D6E-409C-BE32-E72D297353CC}">
              <c16:uniqueId val="{00000000-1DB0-4DC0-92F9-D54E7C737F9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279344</c:v>
                </c:pt>
                <c:pt idx="5">
                  <c:v>272970</c:v>
                </c:pt>
                <c:pt idx="8">
                  <c:v>264585</c:v>
                </c:pt>
                <c:pt idx="11">
                  <c:v>250365</c:v>
                </c:pt>
                <c:pt idx="14">
                  <c:v>247958</c:v>
                </c:pt>
              </c:numCache>
            </c:numRef>
          </c:val>
          <c:extLst xmlns:c16r2="http://schemas.microsoft.com/office/drawing/2015/06/chart">
            <c:ext xmlns:c16="http://schemas.microsoft.com/office/drawing/2014/chart" uri="{C3380CC4-5D6E-409C-BE32-E72D297353CC}">
              <c16:uniqueId val="{00000001-1DB0-4DC0-92F9-D54E7C737F9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209039</c:v>
                </c:pt>
                <c:pt idx="5">
                  <c:v>223464</c:v>
                </c:pt>
                <c:pt idx="8">
                  <c:v>227690</c:v>
                </c:pt>
                <c:pt idx="11">
                  <c:v>234155</c:v>
                </c:pt>
                <c:pt idx="14">
                  <c:v>238846</c:v>
                </c:pt>
              </c:numCache>
            </c:numRef>
          </c:val>
          <c:extLst xmlns:c16r2="http://schemas.microsoft.com/office/drawing/2015/06/chart">
            <c:ext xmlns:c16="http://schemas.microsoft.com/office/drawing/2014/chart" uri="{C3380CC4-5D6E-409C-BE32-E72D297353CC}">
              <c16:uniqueId val="{00000002-1DB0-4DC0-92F9-D54E7C737F9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1DB0-4DC0-92F9-D54E7C737F9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1DB0-4DC0-92F9-D54E7C737F9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594</c:v>
                </c:pt>
                <c:pt idx="3">
                  <c:v>362</c:v>
                </c:pt>
                <c:pt idx="6">
                  <c:v>262</c:v>
                </c:pt>
                <c:pt idx="9">
                  <c:v>130</c:v>
                </c:pt>
                <c:pt idx="12">
                  <c:v>93</c:v>
                </c:pt>
              </c:numCache>
            </c:numRef>
          </c:val>
          <c:extLst xmlns:c16r2="http://schemas.microsoft.com/office/drawing/2015/06/chart">
            <c:ext xmlns:c16="http://schemas.microsoft.com/office/drawing/2014/chart" uri="{C3380CC4-5D6E-409C-BE32-E72D297353CC}">
              <c16:uniqueId val="{00000005-1DB0-4DC0-92F9-D54E7C737F9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77230</c:v>
                </c:pt>
                <c:pt idx="3">
                  <c:v>74306</c:v>
                </c:pt>
                <c:pt idx="6">
                  <c:v>73234</c:v>
                </c:pt>
                <c:pt idx="9">
                  <c:v>105548</c:v>
                </c:pt>
                <c:pt idx="12">
                  <c:v>101660</c:v>
                </c:pt>
              </c:numCache>
            </c:numRef>
          </c:val>
          <c:extLst xmlns:c16r2="http://schemas.microsoft.com/office/drawing/2015/06/chart">
            <c:ext xmlns:c16="http://schemas.microsoft.com/office/drawing/2014/chart" uri="{C3380CC4-5D6E-409C-BE32-E72D297353CC}">
              <c16:uniqueId val="{00000006-1DB0-4DC0-92F9-D54E7C737F9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1DB0-4DC0-92F9-D54E7C737F9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86000</c:v>
                </c:pt>
                <c:pt idx="3">
                  <c:v>167725</c:v>
                </c:pt>
                <c:pt idx="6">
                  <c:v>156351</c:v>
                </c:pt>
                <c:pt idx="9">
                  <c:v>142358</c:v>
                </c:pt>
                <c:pt idx="12">
                  <c:v>141684</c:v>
                </c:pt>
              </c:numCache>
            </c:numRef>
          </c:val>
          <c:extLst xmlns:c16r2="http://schemas.microsoft.com/office/drawing/2015/06/chart">
            <c:ext xmlns:c16="http://schemas.microsoft.com/office/drawing/2014/chart" uri="{C3380CC4-5D6E-409C-BE32-E72D297353CC}">
              <c16:uniqueId val="{00000008-1DB0-4DC0-92F9-D54E7C737F9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22062</c:v>
                </c:pt>
                <c:pt idx="3">
                  <c:v>34177</c:v>
                </c:pt>
                <c:pt idx="6">
                  <c:v>34475</c:v>
                </c:pt>
                <c:pt idx="9">
                  <c:v>29343</c:v>
                </c:pt>
                <c:pt idx="12">
                  <c:v>26270</c:v>
                </c:pt>
              </c:numCache>
            </c:numRef>
          </c:val>
          <c:extLst xmlns:c16r2="http://schemas.microsoft.com/office/drawing/2015/06/chart">
            <c:ext xmlns:c16="http://schemas.microsoft.com/office/drawing/2014/chart" uri="{C3380CC4-5D6E-409C-BE32-E72D297353CC}">
              <c16:uniqueId val="{00000009-1DB0-4DC0-92F9-D54E7C737F9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1028239</c:v>
                </c:pt>
                <c:pt idx="3">
                  <c:v>1036189</c:v>
                </c:pt>
                <c:pt idx="6">
                  <c:v>1035000</c:v>
                </c:pt>
                <c:pt idx="9">
                  <c:v>1053471</c:v>
                </c:pt>
                <c:pt idx="12">
                  <c:v>1049364</c:v>
                </c:pt>
              </c:numCache>
            </c:numRef>
          </c:val>
          <c:extLst xmlns:c16r2="http://schemas.microsoft.com/office/drawing/2015/06/chart">
            <c:ext xmlns:c16="http://schemas.microsoft.com/office/drawing/2014/chart" uri="{C3380CC4-5D6E-409C-BE32-E72D297353CC}">
              <c16:uniqueId val="{0000000A-1DB0-4DC0-92F9-D54E7C737F95}"/>
            </c:ext>
          </c:extLst>
        </c:ser>
        <c:dLbls>
          <c:showLegendKey val="0"/>
          <c:showVal val="0"/>
          <c:showCatName val="0"/>
          <c:showSerName val="0"/>
          <c:showPercent val="0"/>
          <c:showBubbleSize val="0"/>
        </c:dLbls>
        <c:gapWidth val="100"/>
        <c:overlap val="100"/>
        <c:axId val="518073072"/>
        <c:axId val="51806680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301715</c:v>
                </c:pt>
                <c:pt idx="2">
                  <c:v>#N/A</c:v>
                </c:pt>
                <c:pt idx="3">
                  <c:v>#N/A</c:v>
                </c:pt>
                <c:pt idx="4">
                  <c:v>311291</c:v>
                </c:pt>
                <c:pt idx="5">
                  <c:v>#N/A</c:v>
                </c:pt>
                <c:pt idx="6">
                  <c:v>#N/A</c:v>
                </c:pt>
                <c:pt idx="7">
                  <c:v>321884</c:v>
                </c:pt>
                <c:pt idx="8">
                  <c:v>#N/A</c:v>
                </c:pt>
                <c:pt idx="9">
                  <c:v>#N/A</c:v>
                </c:pt>
                <c:pt idx="10">
                  <c:v>386888</c:v>
                </c:pt>
                <c:pt idx="11">
                  <c:v>#N/A</c:v>
                </c:pt>
                <c:pt idx="12">
                  <c:v>#N/A</c:v>
                </c:pt>
                <c:pt idx="13">
                  <c:v>394508</c:v>
                </c:pt>
                <c:pt idx="14">
                  <c:v>#N/A</c:v>
                </c:pt>
              </c:numCache>
            </c:numRef>
          </c:val>
          <c:smooth val="0"/>
          <c:extLst xmlns:c16r2="http://schemas.microsoft.com/office/drawing/2015/06/chart">
            <c:ext xmlns:c16="http://schemas.microsoft.com/office/drawing/2014/chart" uri="{C3380CC4-5D6E-409C-BE32-E72D297353CC}">
              <c16:uniqueId val="{0000000B-1DB0-4DC0-92F9-D54E7C737F95}"/>
            </c:ext>
          </c:extLst>
        </c:ser>
        <c:dLbls>
          <c:showLegendKey val="0"/>
          <c:showVal val="0"/>
          <c:showCatName val="0"/>
          <c:showSerName val="0"/>
          <c:showPercent val="0"/>
          <c:showBubbleSize val="0"/>
        </c:dLbls>
        <c:marker val="1"/>
        <c:smooth val="0"/>
        <c:axId val="518073072"/>
        <c:axId val="518066800"/>
      </c:lineChart>
      <c:catAx>
        <c:axId val="5180730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18066800"/>
        <c:crosses val="autoZero"/>
        <c:auto val="1"/>
        <c:lblAlgn val="ctr"/>
        <c:lblOffset val="100"/>
        <c:tickLblSkip val="1"/>
        <c:tickMarkSkip val="1"/>
        <c:noMultiLvlLbl val="0"/>
      </c:catAx>
      <c:valAx>
        <c:axId val="51806680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180730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5441</c:v>
                </c:pt>
                <c:pt idx="1">
                  <c:v>5663</c:v>
                </c:pt>
                <c:pt idx="2">
                  <c:v>6121</c:v>
                </c:pt>
              </c:numCache>
            </c:numRef>
          </c:val>
          <c:extLst xmlns:c16r2="http://schemas.microsoft.com/office/drawing/2015/06/chart">
            <c:ext xmlns:c16="http://schemas.microsoft.com/office/drawing/2014/chart" uri="{C3380CC4-5D6E-409C-BE32-E72D297353CC}">
              <c16:uniqueId val="{00000000-9FEE-48EA-878A-73B79B6EF7AA}"/>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444</c:v>
                </c:pt>
                <c:pt idx="1">
                  <c:v>742</c:v>
                </c:pt>
                <c:pt idx="2">
                  <c:v>839</c:v>
                </c:pt>
              </c:numCache>
            </c:numRef>
          </c:val>
          <c:extLst xmlns:c16r2="http://schemas.microsoft.com/office/drawing/2015/06/chart">
            <c:ext xmlns:c16="http://schemas.microsoft.com/office/drawing/2014/chart" uri="{C3380CC4-5D6E-409C-BE32-E72D297353CC}">
              <c16:uniqueId val="{00000001-9FEE-48EA-878A-73B79B6EF7AA}"/>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24758</c:v>
                </c:pt>
                <c:pt idx="1">
                  <c:v>23285</c:v>
                </c:pt>
                <c:pt idx="2">
                  <c:v>22315</c:v>
                </c:pt>
              </c:numCache>
            </c:numRef>
          </c:val>
          <c:extLst xmlns:c16r2="http://schemas.microsoft.com/office/drawing/2015/06/chart">
            <c:ext xmlns:c16="http://schemas.microsoft.com/office/drawing/2014/chart" uri="{C3380CC4-5D6E-409C-BE32-E72D297353CC}">
              <c16:uniqueId val="{00000002-9FEE-48EA-878A-73B79B6EF7AA}"/>
            </c:ext>
          </c:extLst>
        </c:ser>
        <c:dLbls>
          <c:showLegendKey val="0"/>
          <c:showVal val="0"/>
          <c:showCatName val="0"/>
          <c:showSerName val="0"/>
          <c:showPercent val="0"/>
          <c:showBubbleSize val="0"/>
        </c:dLbls>
        <c:gapWidth val="120"/>
        <c:overlap val="100"/>
        <c:axId val="518067584"/>
        <c:axId val="518067976"/>
      </c:barChart>
      <c:catAx>
        <c:axId val="5180675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18067976"/>
        <c:crosses val="autoZero"/>
        <c:auto val="1"/>
        <c:lblAlgn val="ctr"/>
        <c:lblOffset val="100"/>
        <c:tickLblSkip val="1"/>
        <c:tickMarkSkip val="1"/>
        <c:noMultiLvlLbl val="0"/>
      </c:catAx>
      <c:valAx>
        <c:axId val="51806797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180675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0321-4F47-8EA3-9FF3A0774127}"/>
                </c:ext>
                <c:ext xmlns:c15="http://schemas.microsoft.com/office/drawing/2012/chart" uri="{CE6537A1-D6FC-4f65-9D91-7224C49458BB}">
                  <c15:dlblFieldTable>
                    <c15:dlblFTEntry>
                      <c15:txfldGUID>{CB93298E-B3FE-4BD7-AD13-371693358A88}</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0321-4F47-8EA3-9FF3A0774127}"/>
                </c:ext>
                <c:ext xmlns:c15="http://schemas.microsoft.com/office/drawing/2012/chart" uri="{CE6537A1-D6FC-4f65-9D91-7224C49458BB}">
                  <c15:dlblFieldTable>
                    <c15:dlblFTEntry>
                      <c15:txfldGUID>{9DBEDDDE-5696-498F-922C-FC87F8193E0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0321-4F47-8EA3-9FF3A0774127}"/>
                </c:ext>
                <c:ext xmlns:c15="http://schemas.microsoft.com/office/drawing/2012/chart" uri="{CE6537A1-D6FC-4f65-9D91-7224C49458BB}">
                  <c15:dlblFieldTable>
                    <c15:dlblFTEntry>
                      <c15:txfldGUID>{6BC5D30C-3E87-4815-AF51-44C87890646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0321-4F47-8EA3-9FF3A0774127}"/>
                </c:ext>
                <c:ext xmlns:c15="http://schemas.microsoft.com/office/drawing/2012/chart" uri="{CE6537A1-D6FC-4f65-9D91-7224C49458BB}">
                  <c15:dlblFieldTable>
                    <c15:dlblFTEntry>
                      <c15:txfldGUID>{3392DCBA-BBFA-475E-8B95-0F731DF104D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0321-4F47-8EA3-9FF3A0774127}"/>
                </c:ext>
                <c:ext xmlns:c15="http://schemas.microsoft.com/office/drawing/2012/chart" uri="{CE6537A1-D6FC-4f65-9D91-7224C49458BB}">
                  <c15:dlblFieldTable>
                    <c15:dlblFTEntry>
                      <c15:txfldGUID>{ABC8202D-3974-40B2-86E9-7D03D958E33A}</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0321-4F47-8EA3-9FF3A0774127}"/>
                </c:ext>
                <c:ext xmlns:c15="http://schemas.microsoft.com/office/drawing/2012/chart" uri="{CE6537A1-D6FC-4f65-9D91-7224C49458BB}">
                  <c15:dlblFieldTable>
                    <c15:dlblFTEntry>
                      <c15:txfldGUID>{8F4FCB40-0CE0-487D-AA3C-5B4D4869E5B5}</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0321-4F47-8EA3-9FF3A0774127}"/>
                </c:ext>
                <c:ext xmlns:c15="http://schemas.microsoft.com/office/drawing/2012/chart" uri="{CE6537A1-D6FC-4f65-9D91-7224C49458BB}">
                  <c15:dlblFieldTable>
                    <c15:dlblFTEntry>
                      <c15:txfldGUID>{D098A868-0797-48B6-9409-CECCAD984525}</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0321-4F47-8EA3-9FF3A0774127}"/>
                </c:ext>
                <c:ext xmlns:c15="http://schemas.microsoft.com/office/drawing/2012/chart" uri="{CE6537A1-D6FC-4f65-9D91-7224C49458BB}">
                  <c15:dlblFieldTable>
                    <c15:dlblFTEntry>
                      <c15:txfldGUID>{E827310A-17BF-4D43-BFE8-0279F8FE11CA}</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0321-4F47-8EA3-9FF3A0774127}"/>
                </c:ext>
                <c:ext xmlns:c15="http://schemas.microsoft.com/office/drawing/2012/chart" uri="{CE6537A1-D6FC-4f65-9D91-7224C49458BB}">
                  <c15:dlblFieldTable>
                    <c15:dlblFTEntry>
                      <c15:txfldGUID>{DDA0DD6B-63F8-4A75-87EE-527FF7A50CBA}</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8.3</c:v>
                </c:pt>
                <c:pt idx="16">
                  <c:v>60.2</c:v>
                </c:pt>
                <c:pt idx="24">
                  <c:v>60.1</c:v>
                </c:pt>
                <c:pt idx="32">
                  <c:v>60.3</c:v>
                </c:pt>
              </c:numCache>
            </c:numRef>
          </c:xVal>
          <c:yVal>
            <c:numRef>
              <c:f>公会計指標分析・財政指標組合せ分析表!$BP$51:$DC$51</c:f>
              <c:numCache>
                <c:formatCode>#,##0.0;"▲ "#,##0.0</c:formatCode>
                <c:ptCount val="40"/>
                <c:pt idx="8">
                  <c:v>117.4</c:v>
                </c:pt>
                <c:pt idx="16">
                  <c:v>118.3</c:v>
                </c:pt>
                <c:pt idx="24">
                  <c:v>121.7</c:v>
                </c:pt>
                <c:pt idx="32">
                  <c:v>120.4</c:v>
                </c:pt>
              </c:numCache>
            </c:numRef>
          </c:yVal>
          <c:smooth val="0"/>
          <c:extLst xmlns:c16r2="http://schemas.microsoft.com/office/drawing/2015/06/chart">
            <c:ext xmlns:c16="http://schemas.microsoft.com/office/drawing/2014/chart" uri="{C3380CC4-5D6E-409C-BE32-E72D297353CC}">
              <c16:uniqueId val="{00000009-0321-4F47-8EA3-9FF3A0774127}"/>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0321-4F47-8EA3-9FF3A0774127}"/>
                </c:ext>
                <c:ext xmlns:c15="http://schemas.microsoft.com/office/drawing/2012/chart" uri="{CE6537A1-D6FC-4f65-9D91-7224C49458BB}">
                  <c15:dlblFieldTable>
                    <c15:dlblFTEntry>
                      <c15:txfldGUID>{EA35AA57-024C-41C4-A701-8BD9D609FDDF}</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0321-4F47-8EA3-9FF3A0774127}"/>
                </c:ext>
                <c:ext xmlns:c15="http://schemas.microsoft.com/office/drawing/2012/chart" uri="{CE6537A1-D6FC-4f65-9D91-7224C49458BB}">
                  <c15:dlblFieldTable>
                    <c15:dlblFTEntry>
                      <c15:txfldGUID>{1A7F1F52-4C05-487F-914A-E5BB1DDDD58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0321-4F47-8EA3-9FF3A0774127}"/>
                </c:ext>
                <c:ext xmlns:c15="http://schemas.microsoft.com/office/drawing/2012/chart" uri="{CE6537A1-D6FC-4f65-9D91-7224C49458BB}">
                  <c15:dlblFieldTable>
                    <c15:dlblFTEntry>
                      <c15:txfldGUID>{44AEF676-05EC-476E-B263-BC4CE9D7CB4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0321-4F47-8EA3-9FF3A0774127}"/>
                </c:ext>
                <c:ext xmlns:c15="http://schemas.microsoft.com/office/drawing/2012/chart" uri="{CE6537A1-D6FC-4f65-9D91-7224C49458BB}">
                  <c15:dlblFieldTable>
                    <c15:dlblFTEntry>
                      <c15:txfldGUID>{23B282D4-366B-4B51-BA9D-C3434F22921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0321-4F47-8EA3-9FF3A0774127}"/>
                </c:ext>
                <c:ext xmlns:c15="http://schemas.microsoft.com/office/drawing/2012/chart" uri="{CE6537A1-D6FC-4f65-9D91-7224C49458BB}">
                  <c15:dlblFieldTable>
                    <c15:dlblFTEntry>
                      <c15:txfldGUID>{4846B86B-F5D2-4E75-8B99-AD8413B76957}</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0321-4F47-8EA3-9FF3A0774127}"/>
                </c:ext>
                <c:ext xmlns:c15="http://schemas.microsoft.com/office/drawing/2012/chart" uri="{CE6537A1-D6FC-4f65-9D91-7224C49458BB}">
                  <c15:dlblFieldTable>
                    <c15:dlblFTEntry>
                      <c15:txfldGUID>{B9E7EE4A-F006-42D4-920F-799802DDF741}</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0321-4F47-8EA3-9FF3A0774127}"/>
                </c:ext>
                <c:ext xmlns:c15="http://schemas.microsoft.com/office/drawing/2012/chart" uri="{CE6537A1-D6FC-4f65-9D91-7224C49458BB}">
                  <c15:dlblFieldTable>
                    <c15:dlblFTEntry>
                      <c15:txfldGUID>{BCFBE30C-2E2B-4164-A957-37167594135E}</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0321-4F47-8EA3-9FF3A0774127}"/>
                </c:ext>
                <c:ext xmlns:c15="http://schemas.microsoft.com/office/drawing/2012/chart" uri="{CE6537A1-D6FC-4f65-9D91-7224C49458BB}">
                  <c15:dlblFieldTable>
                    <c15:dlblFTEntry>
                      <c15:txfldGUID>{33645BE9-3B0D-4407-90AD-DC11A79FFBA7}</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0321-4F47-8EA3-9FF3A0774127}"/>
                </c:ext>
                <c:ext xmlns:c15="http://schemas.microsoft.com/office/drawing/2012/chart" uri="{CE6537A1-D6FC-4f65-9D91-7224C49458BB}">
                  <c15:dlblFieldTable>
                    <c15:dlblFTEntry>
                      <c15:txfldGUID>{383042B2-AF92-4D31-973E-F2244DC8BAC2}</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9.4</c:v>
                </c:pt>
                <c:pt idx="16">
                  <c:v>61</c:v>
                </c:pt>
                <c:pt idx="24">
                  <c:v>62</c:v>
                </c:pt>
                <c:pt idx="32">
                  <c:v>62.8</c:v>
                </c:pt>
              </c:numCache>
            </c:numRef>
          </c:xVal>
          <c:yVal>
            <c:numRef>
              <c:f>公会計指標分析・財政指標組合せ分析表!$BP$55:$DC$55</c:f>
              <c:numCache>
                <c:formatCode>#,##0.0;"▲ "#,##0.0</c:formatCode>
                <c:ptCount val="40"/>
                <c:pt idx="8">
                  <c:v>124.2</c:v>
                </c:pt>
                <c:pt idx="16">
                  <c:v>115.7</c:v>
                </c:pt>
                <c:pt idx="24">
                  <c:v>106</c:v>
                </c:pt>
                <c:pt idx="32">
                  <c:v>97.6</c:v>
                </c:pt>
              </c:numCache>
            </c:numRef>
          </c:yVal>
          <c:smooth val="0"/>
          <c:extLst xmlns:c16r2="http://schemas.microsoft.com/office/drawing/2015/06/chart">
            <c:ext xmlns:c16="http://schemas.microsoft.com/office/drawing/2014/chart" uri="{C3380CC4-5D6E-409C-BE32-E72D297353CC}">
              <c16:uniqueId val="{00000013-0321-4F47-8EA3-9FF3A0774127}"/>
            </c:ext>
          </c:extLst>
        </c:ser>
        <c:dLbls>
          <c:showLegendKey val="0"/>
          <c:showVal val="1"/>
          <c:showCatName val="0"/>
          <c:showSerName val="0"/>
          <c:showPercent val="0"/>
          <c:showBubbleSize val="0"/>
        </c:dLbls>
        <c:axId val="518066016"/>
        <c:axId val="518069152"/>
      </c:scatterChart>
      <c:valAx>
        <c:axId val="518066016"/>
        <c:scaling>
          <c:orientation val="minMax"/>
          <c:max val="63.2"/>
          <c:min val="58"/>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18069152"/>
        <c:crosses val="autoZero"/>
        <c:crossBetween val="midCat"/>
      </c:valAx>
      <c:valAx>
        <c:axId val="518069152"/>
        <c:scaling>
          <c:orientation val="minMax"/>
          <c:max val="129"/>
          <c:min val="94"/>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51806601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85C-4126-ABCE-DE3CF53A0AE6}"/>
                </c:ext>
                <c:ext xmlns:c15="http://schemas.microsoft.com/office/drawing/2012/chart" uri="{CE6537A1-D6FC-4f65-9D91-7224C49458BB}">
                  <c15:dlblFieldTable>
                    <c15:dlblFTEntry>
                      <c15:txfldGUID>{EEFAA961-A26D-4612-A231-7AB19374CD1B}</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85C-4126-ABCE-DE3CF53A0AE6}"/>
                </c:ext>
                <c:ext xmlns:c15="http://schemas.microsoft.com/office/drawing/2012/chart" uri="{CE6537A1-D6FC-4f65-9D91-7224C49458BB}">
                  <c15:dlblFieldTable>
                    <c15:dlblFTEntry>
                      <c15:txfldGUID>{16FA5087-1C34-4D0B-9C40-E3885CC3A56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85C-4126-ABCE-DE3CF53A0AE6}"/>
                </c:ext>
                <c:ext xmlns:c15="http://schemas.microsoft.com/office/drawing/2012/chart" uri="{CE6537A1-D6FC-4f65-9D91-7224C49458BB}">
                  <c15:dlblFieldTable>
                    <c15:dlblFTEntry>
                      <c15:txfldGUID>{6345DB37-8364-4300-83B5-9B589891B6F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85C-4126-ABCE-DE3CF53A0AE6}"/>
                </c:ext>
                <c:ext xmlns:c15="http://schemas.microsoft.com/office/drawing/2012/chart" uri="{CE6537A1-D6FC-4f65-9D91-7224C49458BB}">
                  <c15:dlblFieldTable>
                    <c15:dlblFTEntry>
                      <c15:txfldGUID>{267DD8BB-CEED-4D89-8A1B-D40BBDF2C23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85C-4126-ABCE-DE3CF53A0AE6}"/>
                </c:ext>
                <c:ext xmlns:c15="http://schemas.microsoft.com/office/drawing/2012/chart" uri="{CE6537A1-D6FC-4f65-9D91-7224C49458BB}">
                  <c15:dlblFieldTable>
                    <c15:dlblFTEntry>
                      <c15:txfldGUID>{35307FE1-B186-4212-8F46-AB0B02CEBB2F}</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85C-4126-ABCE-DE3CF53A0AE6}"/>
                </c:ext>
                <c:ext xmlns:c15="http://schemas.microsoft.com/office/drawing/2012/chart" uri="{CE6537A1-D6FC-4f65-9D91-7224C49458BB}">
                  <c15:dlblFieldTable>
                    <c15:dlblFTEntry>
                      <c15:txfldGUID>{01FB8205-C563-4EF3-BFAA-B08B35F8A1C9}</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3.6684985503450687E-2"/>
                  <c:y val="-6.1280615820048852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85C-4126-ABCE-DE3CF53A0AE6}"/>
                </c:ext>
                <c:ext xmlns:c15="http://schemas.microsoft.com/office/drawing/2012/chart" uri="{CE6537A1-D6FC-4f65-9D91-7224C49458BB}">
                  <c15:dlblFieldTable>
                    <c15:dlblFTEntry>
                      <c15:txfldGUID>{1F889FE1-8CD1-4408-8879-5A73CC5C954C}</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85C-4126-ABCE-DE3CF53A0AE6}"/>
                </c:ext>
                <c:ext xmlns:c15="http://schemas.microsoft.com/office/drawing/2012/chart" uri="{CE6537A1-D6FC-4f65-9D91-7224C49458BB}">
                  <c15:dlblFieldTable>
                    <c15:dlblFTEntry>
                      <c15:txfldGUID>{7B7E7283-2792-4BD7-BF05-936777200D6C}</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2.6710997734770616E-2"/>
                  <c:y val="-6.3552678355539086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85C-4126-ABCE-DE3CF53A0AE6}"/>
                </c:ext>
                <c:ext xmlns:c15="http://schemas.microsoft.com/office/drawing/2012/chart" uri="{CE6537A1-D6FC-4f65-9D91-7224C49458BB}">
                  <c15:dlblFieldTable>
                    <c15:dlblFTEntry>
                      <c15:txfldGUID>{AFC17223-C827-459A-9408-E9390E0E9657}</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8.1999999999999993</c:v>
                </c:pt>
                <c:pt idx="8">
                  <c:v>7.5</c:v>
                </c:pt>
                <c:pt idx="16">
                  <c:v>7.2</c:v>
                </c:pt>
                <c:pt idx="24">
                  <c:v>6.9</c:v>
                </c:pt>
                <c:pt idx="32">
                  <c:v>7.3</c:v>
                </c:pt>
              </c:numCache>
            </c:numRef>
          </c:xVal>
          <c:yVal>
            <c:numRef>
              <c:f>公会計指標分析・財政指標組合せ分析表!$BP$73:$DC$73</c:f>
              <c:numCache>
                <c:formatCode>#,##0.0;"▲ "#,##0.0</c:formatCode>
                <c:ptCount val="40"/>
                <c:pt idx="0">
                  <c:v>115.3</c:v>
                </c:pt>
                <c:pt idx="8">
                  <c:v>117.4</c:v>
                </c:pt>
                <c:pt idx="16">
                  <c:v>118.3</c:v>
                </c:pt>
                <c:pt idx="24">
                  <c:v>121.7</c:v>
                </c:pt>
                <c:pt idx="32">
                  <c:v>120.4</c:v>
                </c:pt>
              </c:numCache>
            </c:numRef>
          </c:yVal>
          <c:smooth val="0"/>
          <c:extLst xmlns:c16r2="http://schemas.microsoft.com/office/drawing/2015/06/chart">
            <c:ext xmlns:c16="http://schemas.microsoft.com/office/drawing/2014/chart" uri="{C3380CC4-5D6E-409C-BE32-E72D297353CC}">
              <c16:uniqueId val="{00000009-885C-4126-ABCE-DE3CF53A0AE6}"/>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85C-4126-ABCE-DE3CF53A0AE6}"/>
                </c:ext>
                <c:ext xmlns:c15="http://schemas.microsoft.com/office/drawing/2012/chart" uri="{CE6537A1-D6FC-4f65-9D91-7224C49458BB}">
                  <c15:dlblFieldTable>
                    <c15:dlblFTEntry>
                      <c15:txfldGUID>{B048537C-A3E1-45D5-8D43-489D849F0AFB}</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85C-4126-ABCE-DE3CF53A0AE6}"/>
                </c:ext>
                <c:ext xmlns:c15="http://schemas.microsoft.com/office/drawing/2012/chart" uri="{CE6537A1-D6FC-4f65-9D91-7224C49458BB}">
                  <c15:dlblFieldTable>
                    <c15:dlblFTEntry>
                      <c15:txfldGUID>{0A95F42D-E873-4A74-A5FA-8646AD562A5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85C-4126-ABCE-DE3CF53A0AE6}"/>
                </c:ext>
                <c:ext xmlns:c15="http://schemas.microsoft.com/office/drawing/2012/chart" uri="{CE6537A1-D6FC-4f65-9D91-7224C49458BB}">
                  <c15:dlblFieldTable>
                    <c15:dlblFTEntry>
                      <c15:txfldGUID>{25D0DE47-EB45-435E-B3D3-24E953AFE27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85C-4126-ABCE-DE3CF53A0AE6}"/>
                </c:ext>
                <c:ext xmlns:c15="http://schemas.microsoft.com/office/drawing/2012/chart" uri="{CE6537A1-D6FC-4f65-9D91-7224C49458BB}">
                  <c15:dlblFieldTable>
                    <c15:dlblFTEntry>
                      <c15:txfldGUID>{E6BE70AF-E732-4FBF-A392-1C0048096A0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85C-4126-ABCE-DE3CF53A0AE6}"/>
                </c:ext>
                <c:ext xmlns:c15="http://schemas.microsoft.com/office/drawing/2012/chart" uri="{CE6537A1-D6FC-4f65-9D91-7224C49458BB}">
                  <c15:dlblFieldTable>
                    <c15:dlblFTEntry>
                      <c15:txfldGUID>{21C5554D-BCA6-4C03-B206-3832AFAB374A}</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85C-4126-ABCE-DE3CF53A0AE6}"/>
                </c:ext>
                <c:ext xmlns:c15="http://schemas.microsoft.com/office/drawing/2012/chart" uri="{CE6537A1-D6FC-4f65-9D91-7224C49458BB}">
                  <c15:dlblFieldTable>
                    <c15:dlblFTEntry>
                      <c15:txfldGUID>{921AE467-AADC-4F2F-8CE0-34CF0BB7B652}</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85C-4126-ABCE-DE3CF53A0AE6}"/>
                </c:ext>
                <c:ext xmlns:c15="http://schemas.microsoft.com/office/drawing/2012/chart" uri="{CE6537A1-D6FC-4f65-9D91-7224C49458BB}">
                  <c15:dlblFieldTable>
                    <c15:dlblFTEntry>
                      <c15:txfldGUID>{2F17180E-C61B-4B2A-9A77-2330B4F0839D}</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85C-4126-ABCE-DE3CF53A0AE6}"/>
                </c:ext>
                <c:ext xmlns:c15="http://schemas.microsoft.com/office/drawing/2012/chart" uri="{CE6537A1-D6FC-4f65-9D91-7224C49458BB}">
                  <c15:dlblFieldTable>
                    <c15:dlblFTEntry>
                      <c15:txfldGUID>{E22F1117-6864-4120-887A-1516857376D4}</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85C-4126-ABCE-DE3CF53A0AE6}"/>
                </c:ext>
                <c:ext xmlns:c15="http://schemas.microsoft.com/office/drawing/2012/chart" uri="{CE6537A1-D6FC-4f65-9D91-7224C49458BB}">
                  <c15:dlblFieldTable>
                    <c15:dlblFTEntry>
                      <c15:txfldGUID>{4EA2D355-973C-4DC6-ABFA-03401DFA7AD1}</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11.2</c:v>
                </c:pt>
                <c:pt idx="8">
                  <c:v>10.9</c:v>
                </c:pt>
                <c:pt idx="16">
                  <c:v>10.3</c:v>
                </c:pt>
                <c:pt idx="24">
                  <c:v>9</c:v>
                </c:pt>
                <c:pt idx="32">
                  <c:v>8</c:v>
                </c:pt>
              </c:numCache>
            </c:numRef>
          </c:xVal>
          <c:yVal>
            <c:numRef>
              <c:f>公会計指標分析・財政指標組合せ分析表!$BP$77:$DC$77</c:f>
              <c:numCache>
                <c:formatCode>#,##0.0;"▲ "#,##0.0</c:formatCode>
                <c:ptCount val="40"/>
                <c:pt idx="0">
                  <c:v>132.4</c:v>
                </c:pt>
                <c:pt idx="8">
                  <c:v>124.2</c:v>
                </c:pt>
                <c:pt idx="16">
                  <c:v>115.7</c:v>
                </c:pt>
                <c:pt idx="24">
                  <c:v>106</c:v>
                </c:pt>
                <c:pt idx="32">
                  <c:v>97.6</c:v>
                </c:pt>
              </c:numCache>
            </c:numRef>
          </c:yVal>
          <c:smooth val="0"/>
          <c:extLst xmlns:c16r2="http://schemas.microsoft.com/office/drawing/2015/06/chart">
            <c:ext xmlns:c16="http://schemas.microsoft.com/office/drawing/2014/chart" uri="{C3380CC4-5D6E-409C-BE32-E72D297353CC}">
              <c16:uniqueId val="{00000013-885C-4126-ABCE-DE3CF53A0AE6}"/>
            </c:ext>
          </c:extLst>
        </c:ser>
        <c:dLbls>
          <c:showLegendKey val="0"/>
          <c:showVal val="1"/>
          <c:showCatName val="0"/>
          <c:showSerName val="0"/>
          <c:showPercent val="0"/>
          <c:showBubbleSize val="0"/>
        </c:dLbls>
        <c:axId val="518071112"/>
        <c:axId val="518070328"/>
      </c:scatterChart>
      <c:valAx>
        <c:axId val="518071112"/>
        <c:scaling>
          <c:orientation val="minMax"/>
          <c:max val="11.6"/>
          <c:min val="6.6"/>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18070328"/>
        <c:crosses val="autoZero"/>
        <c:crossBetween val="midCat"/>
      </c:valAx>
      <c:valAx>
        <c:axId val="518070328"/>
        <c:scaling>
          <c:orientation val="minMax"/>
          <c:max val="139"/>
          <c:min val="93"/>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518071112"/>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latin typeface="ＭＳ ゴシック" pitchFamily="49" charset="-128"/>
              <a:ea typeface="ＭＳ ゴシック" pitchFamily="49" charset="-128"/>
            </a:rPr>
            <a:t>平成</a:t>
          </a:r>
          <a:r>
            <a:rPr kumimoji="1" lang="en-US" altLang="ja-JP" sz="1100">
              <a:solidFill>
                <a:sysClr val="windowText" lastClr="000000"/>
              </a:solidFill>
              <a:latin typeface="ＭＳ ゴシック" pitchFamily="49" charset="-128"/>
              <a:ea typeface="ＭＳ ゴシック" pitchFamily="49" charset="-128"/>
            </a:rPr>
            <a:t>27</a:t>
          </a:r>
          <a:r>
            <a:rPr kumimoji="1" lang="ja-JP" altLang="en-US" sz="1100">
              <a:solidFill>
                <a:sysClr val="windowText" lastClr="000000"/>
              </a:solidFill>
              <a:latin typeface="ＭＳ ゴシック" pitchFamily="49" charset="-128"/>
              <a:ea typeface="ＭＳ ゴシック" pitchFamily="49" charset="-128"/>
            </a:rPr>
            <a:t>年度は、準元利償還金等の増はあるものの、控除額（特定財源及び元利償還金・準元利償還金に係る基準財政需要額算入額）の増により、実質公債費比率の分子は減少した。</a:t>
          </a:r>
        </a:p>
        <a:p>
          <a:r>
            <a:rPr kumimoji="1" lang="ja-JP" altLang="en-US" sz="1100">
              <a:solidFill>
                <a:sysClr val="windowText" lastClr="000000"/>
              </a:solidFill>
              <a:latin typeface="ＭＳ ゴシック" pitchFamily="49" charset="-128"/>
              <a:ea typeface="ＭＳ ゴシック" pitchFamily="49" charset="-128"/>
            </a:rPr>
            <a:t>平成</a:t>
          </a:r>
          <a:r>
            <a:rPr kumimoji="1" lang="en-US" altLang="ja-JP" sz="1100">
              <a:solidFill>
                <a:sysClr val="windowText" lastClr="000000"/>
              </a:solidFill>
              <a:latin typeface="ＭＳ ゴシック" pitchFamily="49" charset="-128"/>
              <a:ea typeface="ＭＳ ゴシック" pitchFamily="49" charset="-128"/>
            </a:rPr>
            <a:t>28</a:t>
          </a:r>
          <a:r>
            <a:rPr kumimoji="1" lang="ja-JP" altLang="en-US" sz="1100">
              <a:solidFill>
                <a:sysClr val="windowText" lastClr="000000"/>
              </a:solidFill>
              <a:latin typeface="ＭＳ ゴシック" pitchFamily="49" charset="-128"/>
              <a:ea typeface="ＭＳ ゴシック" pitchFamily="49" charset="-128"/>
            </a:rPr>
            <a:t>年度は、準元利償還金等の増に加え、控除額（特定財源及び元利償還金・準元利償還金に係る基準財政需要額算入額）の減により、実質公債費比率の分子は増加した。</a:t>
          </a:r>
        </a:p>
        <a:p>
          <a:r>
            <a:rPr kumimoji="1" lang="ja-JP" altLang="en-US" sz="1100">
              <a:solidFill>
                <a:sysClr val="windowText" lastClr="000000"/>
              </a:solidFill>
              <a:latin typeface="ＭＳ ゴシック" pitchFamily="49" charset="-128"/>
              <a:ea typeface="ＭＳ ゴシック" pitchFamily="49" charset="-128"/>
            </a:rPr>
            <a:t>平成</a:t>
          </a:r>
          <a:r>
            <a:rPr kumimoji="1" lang="en-US" altLang="ja-JP" sz="1100">
              <a:solidFill>
                <a:sysClr val="windowText" lastClr="000000"/>
              </a:solidFill>
              <a:latin typeface="ＭＳ ゴシック" pitchFamily="49" charset="-128"/>
              <a:ea typeface="ＭＳ ゴシック" pitchFamily="49" charset="-128"/>
            </a:rPr>
            <a:t>29</a:t>
          </a:r>
          <a:r>
            <a:rPr kumimoji="1" lang="ja-JP" altLang="en-US" sz="1100">
              <a:solidFill>
                <a:sysClr val="windowText" lastClr="000000"/>
              </a:solidFill>
              <a:latin typeface="ＭＳ ゴシック" pitchFamily="49" charset="-128"/>
              <a:ea typeface="ＭＳ ゴシック" pitchFamily="49" charset="-128"/>
            </a:rPr>
            <a:t>年度は、地方債の元利償還金は減したものの、控除額（特定財源及び元利償還金・準元利償還金に係る基準財政需要額算入額）が減したことにより、実質公債費比率の分子は増加した。</a:t>
          </a:r>
          <a:endParaRPr kumimoji="1" lang="en-US" altLang="ja-JP" sz="1100">
            <a:solidFill>
              <a:sysClr val="windowText" lastClr="000000"/>
            </a:solidFill>
            <a:latin typeface="ＭＳ ゴシック" pitchFamily="49" charset="-128"/>
            <a:ea typeface="ＭＳ ゴシック" pitchFamily="49" charset="-128"/>
          </a:endParaRPr>
        </a:p>
        <a:p>
          <a:r>
            <a:rPr kumimoji="1" lang="ja-JP" altLang="en-US" sz="1100">
              <a:solidFill>
                <a:sysClr val="windowText" lastClr="000000"/>
              </a:solidFill>
              <a:latin typeface="ＭＳ ゴシック" pitchFamily="49" charset="-128"/>
              <a:ea typeface="ＭＳ ゴシック" pitchFamily="49" charset="-128"/>
            </a:rPr>
            <a:t>平成</a:t>
          </a:r>
          <a:r>
            <a:rPr kumimoji="1" lang="en-US" altLang="ja-JP" sz="1100">
              <a:solidFill>
                <a:sysClr val="windowText" lastClr="000000"/>
              </a:solidFill>
              <a:latin typeface="ＭＳ ゴシック" pitchFamily="49" charset="-128"/>
              <a:ea typeface="ＭＳ ゴシック" pitchFamily="49" charset="-128"/>
            </a:rPr>
            <a:t>30</a:t>
          </a:r>
          <a:r>
            <a:rPr kumimoji="1" lang="ja-JP" altLang="en-US" sz="1100">
              <a:solidFill>
                <a:sysClr val="windowText" lastClr="000000"/>
              </a:solidFill>
              <a:latin typeface="ＭＳ ゴシック" pitchFamily="49" charset="-128"/>
              <a:ea typeface="ＭＳ ゴシック" pitchFamily="49" charset="-128"/>
            </a:rPr>
            <a:t>年度は、準元利償還金等の増に加え、控除額（特定財源及び元利償還金・準元利償還金に係る基準財政需要額算入額）の減により、実質公債費比率の分子は増加し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ゴシック" pitchFamily="49" charset="-128"/>
              <a:ea typeface="ＭＳ ゴシック" pitchFamily="49" charset="-128"/>
            </a:rPr>
            <a:t>　減債基金の積立はルールどおり行っているが、財源対策として減債基金から借入を行っていることにより積立不足が生じている。</a:t>
          </a:r>
        </a:p>
        <a:p>
          <a:r>
            <a:rPr kumimoji="1" lang="ja-JP" altLang="en-US" sz="900">
              <a:latin typeface="ＭＳ ゴシック" pitchFamily="49" charset="-128"/>
              <a:ea typeface="ＭＳ ゴシック" pitchFamily="49" charset="-128"/>
            </a:rPr>
            <a:t>　財政運営の取組目標を「継続的な収支の均衡」とする「今後の財政運営の基本的な考え方」を策定、公表し、令和６年度に収支均衡、令和７年度から減債基金借入金を返済することとしてい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将来負担額については、地方債現在高の減や退職手当支給予定額の減などにより減少したものの、控除額（主に準元利償還金に係る基準財政需要額算入額）の減により、将来負担比率の分子は増加し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川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財政調整基金　        ＋</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458</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歳計剰余金の処分、運用益金の収入等による</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減債基金　　　　       ＋</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97</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減債基金運用利子分の増</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その他特定目的基金    ▲</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970</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鉄道整備整備基金　　▲</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92</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充当事業費の増及び翌年度未収繰越財源等としたことによる。</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市営住宅等修繕基金　▲</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917</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市営住宅修繕基金の取崩し等による。</a:t>
          </a: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各基金の目的に沿った積立や取崩しを計画的に行っていく。</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鉄道整備基金　　　：鉄道及び軌道整備事業並びに新駅設置及び駅改良の資金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都市整備基金　　　：都市計画事業及び都市施設の整備事業の資金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緑化基金　　　　　：都市緑化推進事業の資金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資源再生化基金　　：資源再生化事業の資金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市営住宅等修繕基金：市営住宅及び特定公共賃貸住宅の修繕の資金に充当</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鉄道整備基金　　　：南武線駅アクセス向上等整備事業への充当による減</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都市整備基金　　　：登戸地区土地区画整理事業・</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JR</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川崎駅北口自由通路等整備事業等への充当による減</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緑化基金　　　　　：保全緑地育成事業等への充当による減</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市営住宅等修繕基金：市営住宅管理代行等委託事業への充当による減</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資源再生化基金　　：かわさきエコ暮らし未来館管理事業への充当による減</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の目的に沿った積立や取崩しを計画的に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補正予算の財源として活用している。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市税の増収や執行段階の精査による予算執行の抑制などにより最終的には取崩しを回避したため、剰余金処分等の積立てや運用益金の収入により残高が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補正財源として、必要額の積立や取崩しを計画的に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運用利子分の増によ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将来的な償還のため、積立や取崩しを計画的に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00,460
1,458,758
143.01
715,393,440
712,401,058
629,064
368,483,160
814,670,80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1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latin typeface="ＭＳ Ｐゴシック" panose="020B0600070205080204" pitchFamily="50" charset="-128"/>
              <a:ea typeface="ＭＳ Ｐゴシック" panose="020B0600070205080204" pitchFamily="50" charset="-128"/>
            </a:rPr>
            <a:t>　本市は類似団体の平均より上回った水準となっている。</a:t>
          </a:r>
        </a:p>
        <a:p>
          <a:r>
            <a:rPr kumimoji="1" lang="ja-JP" altLang="en-US" sz="1000">
              <a:latin typeface="ＭＳ Ｐゴシック" panose="020B0600070205080204" pitchFamily="50" charset="-128"/>
              <a:ea typeface="ＭＳ Ｐゴシック" panose="020B0600070205080204" pitchFamily="50" charset="-128"/>
            </a:rPr>
            <a:t>　本市の公共建築物は１０年後に約７割が築３０年以上になることが想定され、「老朽化への対応」や「施設存続の可否の判断」、少子高齢社会の進展により「住民が公共施設に求めることの変化への対応」が求められる。</a:t>
          </a:r>
        </a:p>
        <a:p>
          <a:r>
            <a:rPr kumimoji="1" lang="ja-JP" altLang="en-US" sz="1000">
              <a:latin typeface="ＭＳ Ｐゴシック" panose="020B0600070205080204" pitchFamily="50" charset="-128"/>
              <a:ea typeface="ＭＳ Ｐゴシック" panose="020B0600070205080204" pitchFamily="50" charset="-128"/>
            </a:rPr>
            <a:t>　そのような中、施設の効率的かつ効果的な維持管理や最適な施設整備を進めるため資産マネジメントの取組が不可欠であり、公共施設等総合管理計画である「かわさき資産マネジメントカルテ」を策定し、施設の長寿命化に取り組んでいる。今後も財政負担の平準化、継続的な長寿命化の取組が可能となるよう調整する必要がある。</a:t>
          </a: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1.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1" name="直線コネクタ 50"/>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2" name="テキスト ボックス 51"/>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4.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3" name="直線コネクタ 52"/>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4" name="テキスト ボックス 53"/>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7.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5" name="直線コネクタ 54"/>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6" name="テキスト ボックス 55"/>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7" name="直線コネクタ 56"/>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8" name="テキスト ボックス 57"/>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59" name="直線コネクタ 58"/>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0" name="テキスト ボックス 59"/>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6.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1" name="直線コネクタ 60"/>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2" name="テキスト ボックス 61"/>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9.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3" name="直線コネクタ 62"/>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4" name="テキスト ボックス 63"/>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2.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5"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361</xdr:rowOff>
    </xdr:from>
    <xdr:to>
      <xdr:col>23</xdr:col>
      <xdr:colOff>85090</xdr:colOff>
      <xdr:row>34</xdr:row>
      <xdr:rowOff>17690</xdr:rowOff>
    </xdr:to>
    <xdr:cxnSp macro="">
      <xdr:nvCxnSpPr>
        <xdr:cNvPr id="66" name="直線コネクタ 65"/>
        <xdr:cNvCxnSpPr/>
      </xdr:nvCxnSpPr>
      <xdr:spPr>
        <a:xfrm flipV="1">
          <a:off x="4760595" y="5230586"/>
          <a:ext cx="1270" cy="13879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21517</xdr:rowOff>
    </xdr:from>
    <xdr:ext cx="405111" cy="259045"/>
    <xdr:sp macro="" textlink="">
      <xdr:nvSpPr>
        <xdr:cNvPr id="67" name="有形固定資産減価償却率最小値テキスト"/>
        <xdr:cNvSpPr txBox="1"/>
      </xdr:nvSpPr>
      <xdr:spPr>
        <a:xfrm>
          <a:off x="4813300" y="6622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7690</xdr:rowOff>
    </xdr:from>
    <xdr:to>
      <xdr:col>23</xdr:col>
      <xdr:colOff>174625</xdr:colOff>
      <xdr:row>34</xdr:row>
      <xdr:rowOff>17690</xdr:rowOff>
    </xdr:to>
    <xdr:cxnSp macro="">
      <xdr:nvCxnSpPr>
        <xdr:cNvPr id="68" name="直線コネクタ 67"/>
        <xdr:cNvCxnSpPr/>
      </xdr:nvCxnSpPr>
      <xdr:spPr>
        <a:xfrm>
          <a:off x="4673600" y="6618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19488</xdr:rowOff>
    </xdr:from>
    <xdr:ext cx="405111" cy="259045"/>
    <xdr:sp macro="" textlink="">
      <xdr:nvSpPr>
        <xdr:cNvPr id="69" name="有形固定資産減価償却率最大値テキスト"/>
        <xdr:cNvSpPr txBox="1"/>
      </xdr:nvSpPr>
      <xdr:spPr>
        <a:xfrm>
          <a:off x="4813300" y="5005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361</xdr:rowOff>
    </xdr:from>
    <xdr:to>
      <xdr:col>23</xdr:col>
      <xdr:colOff>174625</xdr:colOff>
      <xdr:row>26</xdr:row>
      <xdr:rowOff>1361</xdr:rowOff>
    </xdr:to>
    <xdr:cxnSp macro="">
      <xdr:nvCxnSpPr>
        <xdr:cNvPr id="70" name="直線コネクタ 69"/>
        <xdr:cNvCxnSpPr/>
      </xdr:nvCxnSpPr>
      <xdr:spPr>
        <a:xfrm>
          <a:off x="4673600" y="5230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27350</xdr:rowOff>
    </xdr:from>
    <xdr:ext cx="405111" cy="259045"/>
    <xdr:sp macro="" textlink="">
      <xdr:nvSpPr>
        <xdr:cNvPr id="71" name="有形固定資産減価償却率平均値テキスト"/>
        <xdr:cNvSpPr txBox="1"/>
      </xdr:nvSpPr>
      <xdr:spPr>
        <a:xfrm>
          <a:off x="4813300" y="569947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04473</xdr:rowOff>
    </xdr:from>
    <xdr:to>
      <xdr:col>23</xdr:col>
      <xdr:colOff>136525</xdr:colOff>
      <xdr:row>30</xdr:row>
      <xdr:rowOff>34623</xdr:rowOff>
    </xdr:to>
    <xdr:sp macro="" textlink="">
      <xdr:nvSpPr>
        <xdr:cNvPr id="72" name="フローチャート: 判断 71"/>
        <xdr:cNvSpPr/>
      </xdr:nvSpPr>
      <xdr:spPr>
        <a:xfrm>
          <a:off x="4711700" y="5848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5270</xdr:rowOff>
    </xdr:from>
    <xdr:to>
      <xdr:col>19</xdr:col>
      <xdr:colOff>187325</xdr:colOff>
      <xdr:row>30</xdr:row>
      <xdr:rowOff>116870</xdr:rowOff>
    </xdr:to>
    <xdr:sp macro="" textlink="">
      <xdr:nvSpPr>
        <xdr:cNvPr id="73" name="フローチャート: 判断 72"/>
        <xdr:cNvSpPr/>
      </xdr:nvSpPr>
      <xdr:spPr>
        <a:xfrm>
          <a:off x="4000500" y="5930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18080</xdr:rowOff>
    </xdr:from>
    <xdr:to>
      <xdr:col>15</xdr:col>
      <xdr:colOff>187325</xdr:colOff>
      <xdr:row>31</xdr:row>
      <xdr:rowOff>48230</xdr:rowOff>
    </xdr:to>
    <xdr:sp macro="" textlink="">
      <xdr:nvSpPr>
        <xdr:cNvPr id="74" name="フローチャート: 判断 73"/>
        <xdr:cNvSpPr/>
      </xdr:nvSpPr>
      <xdr:spPr>
        <a:xfrm>
          <a:off x="3238500" y="6033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111125</xdr:rowOff>
    </xdr:from>
    <xdr:to>
      <xdr:col>11</xdr:col>
      <xdr:colOff>187325</xdr:colOff>
      <xdr:row>32</xdr:row>
      <xdr:rowOff>41275</xdr:rowOff>
    </xdr:to>
    <xdr:sp macro="" textlink="">
      <xdr:nvSpPr>
        <xdr:cNvPr id="75" name="フローチャート: 判断 74"/>
        <xdr:cNvSpPr/>
      </xdr:nvSpPr>
      <xdr:spPr>
        <a:xfrm>
          <a:off x="2476500" y="619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8597</xdr:rowOff>
    </xdr:from>
    <xdr:to>
      <xdr:col>23</xdr:col>
      <xdr:colOff>136525</xdr:colOff>
      <xdr:row>31</xdr:row>
      <xdr:rowOff>120197</xdr:rowOff>
    </xdr:to>
    <xdr:sp macro="" textlink="">
      <xdr:nvSpPr>
        <xdr:cNvPr id="81" name="楕円 80"/>
        <xdr:cNvSpPr/>
      </xdr:nvSpPr>
      <xdr:spPr>
        <a:xfrm>
          <a:off x="4711700" y="6105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68474</xdr:rowOff>
    </xdr:from>
    <xdr:ext cx="405111" cy="259045"/>
    <xdr:sp macro="" textlink="">
      <xdr:nvSpPr>
        <xdr:cNvPr id="82" name="有形固定資産減価償却率該当値テキスト"/>
        <xdr:cNvSpPr txBox="1"/>
      </xdr:nvSpPr>
      <xdr:spPr>
        <a:xfrm>
          <a:off x="4813300" y="6083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39158</xdr:rowOff>
    </xdr:from>
    <xdr:to>
      <xdr:col>19</xdr:col>
      <xdr:colOff>187325</xdr:colOff>
      <xdr:row>31</xdr:row>
      <xdr:rowOff>140758</xdr:rowOff>
    </xdr:to>
    <xdr:sp macro="" textlink="">
      <xdr:nvSpPr>
        <xdr:cNvPr id="83" name="楕円 82"/>
        <xdr:cNvSpPr/>
      </xdr:nvSpPr>
      <xdr:spPr>
        <a:xfrm>
          <a:off x="4000500" y="6125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69397</xdr:rowOff>
    </xdr:from>
    <xdr:to>
      <xdr:col>23</xdr:col>
      <xdr:colOff>85725</xdr:colOff>
      <xdr:row>31</xdr:row>
      <xdr:rowOff>89958</xdr:rowOff>
    </xdr:to>
    <xdr:cxnSp macro="">
      <xdr:nvCxnSpPr>
        <xdr:cNvPr id="84" name="直線コネクタ 83"/>
        <xdr:cNvCxnSpPr/>
      </xdr:nvCxnSpPr>
      <xdr:spPr>
        <a:xfrm flipV="1">
          <a:off x="4051300" y="6155872"/>
          <a:ext cx="711200" cy="20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28877</xdr:rowOff>
    </xdr:from>
    <xdr:to>
      <xdr:col>15</xdr:col>
      <xdr:colOff>187325</xdr:colOff>
      <xdr:row>31</xdr:row>
      <xdr:rowOff>130477</xdr:rowOff>
    </xdr:to>
    <xdr:sp macro="" textlink="">
      <xdr:nvSpPr>
        <xdr:cNvPr id="85" name="楕円 84"/>
        <xdr:cNvSpPr/>
      </xdr:nvSpPr>
      <xdr:spPr>
        <a:xfrm>
          <a:off x="3238500" y="6115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79677</xdr:rowOff>
    </xdr:from>
    <xdr:to>
      <xdr:col>19</xdr:col>
      <xdr:colOff>136525</xdr:colOff>
      <xdr:row>31</xdr:row>
      <xdr:rowOff>89958</xdr:rowOff>
    </xdr:to>
    <xdr:cxnSp macro="">
      <xdr:nvCxnSpPr>
        <xdr:cNvPr id="86" name="直線コネクタ 85"/>
        <xdr:cNvCxnSpPr/>
      </xdr:nvCxnSpPr>
      <xdr:spPr>
        <a:xfrm>
          <a:off x="3289300" y="6166152"/>
          <a:ext cx="762000" cy="10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2</xdr:row>
      <xdr:rowOff>52765</xdr:rowOff>
    </xdr:from>
    <xdr:to>
      <xdr:col>11</xdr:col>
      <xdr:colOff>187325</xdr:colOff>
      <xdr:row>32</xdr:row>
      <xdr:rowOff>154365</xdr:rowOff>
    </xdr:to>
    <xdr:sp macro="" textlink="">
      <xdr:nvSpPr>
        <xdr:cNvPr id="87" name="楕円 86"/>
        <xdr:cNvSpPr/>
      </xdr:nvSpPr>
      <xdr:spPr>
        <a:xfrm>
          <a:off x="2476500" y="6310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79677</xdr:rowOff>
    </xdr:from>
    <xdr:to>
      <xdr:col>15</xdr:col>
      <xdr:colOff>136525</xdr:colOff>
      <xdr:row>32</xdr:row>
      <xdr:rowOff>103565</xdr:rowOff>
    </xdr:to>
    <xdr:cxnSp macro="">
      <xdr:nvCxnSpPr>
        <xdr:cNvPr id="88" name="直線コネクタ 87"/>
        <xdr:cNvCxnSpPr/>
      </xdr:nvCxnSpPr>
      <xdr:spPr>
        <a:xfrm flipV="1">
          <a:off x="2527300" y="6166152"/>
          <a:ext cx="762000" cy="195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133397</xdr:rowOff>
    </xdr:from>
    <xdr:ext cx="405111" cy="259045"/>
    <xdr:sp macro="" textlink="">
      <xdr:nvSpPr>
        <xdr:cNvPr id="89" name="n_1aveValue有形固定資産減価償却率"/>
        <xdr:cNvSpPr txBox="1"/>
      </xdr:nvSpPr>
      <xdr:spPr>
        <a:xfrm>
          <a:off x="3836044" y="5705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64757</xdr:rowOff>
    </xdr:from>
    <xdr:ext cx="405111" cy="259045"/>
    <xdr:sp macro="" textlink="">
      <xdr:nvSpPr>
        <xdr:cNvPr id="90" name="n_2aveValue有形固定資産減価償却率"/>
        <xdr:cNvSpPr txBox="1"/>
      </xdr:nvSpPr>
      <xdr:spPr>
        <a:xfrm>
          <a:off x="3086744" y="5808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57802</xdr:rowOff>
    </xdr:from>
    <xdr:ext cx="405111" cy="259045"/>
    <xdr:sp macro="" textlink="">
      <xdr:nvSpPr>
        <xdr:cNvPr id="91" name="n_3aveValue有形固定資産減価償却率"/>
        <xdr:cNvSpPr txBox="1"/>
      </xdr:nvSpPr>
      <xdr:spPr>
        <a:xfrm>
          <a:off x="2324744" y="597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131885</xdr:rowOff>
    </xdr:from>
    <xdr:ext cx="405111" cy="259045"/>
    <xdr:sp macro="" textlink="">
      <xdr:nvSpPr>
        <xdr:cNvPr id="92" name="n_1mainValue有形固定資産減価償却率"/>
        <xdr:cNvSpPr txBox="1"/>
      </xdr:nvSpPr>
      <xdr:spPr>
        <a:xfrm>
          <a:off x="3836044" y="62183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21604</xdr:rowOff>
    </xdr:from>
    <xdr:ext cx="405111" cy="259045"/>
    <xdr:sp macro="" textlink="">
      <xdr:nvSpPr>
        <xdr:cNvPr id="93" name="n_2mainValue有形固定資産減価償却率"/>
        <xdr:cNvSpPr txBox="1"/>
      </xdr:nvSpPr>
      <xdr:spPr>
        <a:xfrm>
          <a:off x="3086744" y="6208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145492</xdr:rowOff>
    </xdr:from>
    <xdr:ext cx="405111" cy="259045"/>
    <xdr:sp macro="" textlink="">
      <xdr:nvSpPr>
        <xdr:cNvPr id="94" name="n_3mainValue有形固定資産減価償却率"/>
        <xdr:cNvSpPr txBox="1"/>
      </xdr:nvSpPr>
      <xdr:spPr>
        <a:xfrm>
          <a:off x="2324744" y="6403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5" name="正方形/長方形 94"/>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6" name="正方形/長方形 95"/>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28619</xdr:colOff>
      <xdr:row>22</xdr:row>
      <xdr:rowOff>64546</xdr:rowOff>
    </xdr:from>
    <xdr:to>
      <xdr:col>76</xdr:col>
      <xdr:colOff>42831</xdr:colOff>
      <xdr:row>24</xdr:row>
      <xdr:rowOff>30705</xdr:rowOff>
    </xdr:to>
    <xdr:sp macro="" textlink="">
      <xdr:nvSpPr>
        <xdr:cNvPr id="97" name="正方形/長方形 96"/>
        <xdr:cNvSpPr/>
      </xdr:nvSpPr>
      <xdr:spPr>
        <a:xfrm>
          <a:off x="13758894" y="4607971"/>
          <a:ext cx="1057212"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161.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8" name="正方形/長方形 97"/>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9" name="正方形/長方形 98"/>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0" name="正方形/長方形 99"/>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1" name="正方形/長方形 100"/>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2" name="正方形/長方形 101"/>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3" name="正方形/長方形 102"/>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4" name="正方形/長方形 103"/>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5" name="正方形/長方形 104"/>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6" name="正方形/長方形 105"/>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7" name="テキスト ボックス 106"/>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本市は類似団体の平均より上回った水準となっている。</a:t>
          </a:r>
        </a:p>
        <a:p>
          <a:r>
            <a:rPr kumimoji="1" lang="ja-JP" altLang="en-US" sz="1050">
              <a:latin typeface="ＭＳ Ｐゴシック" panose="020B0600070205080204" pitchFamily="50" charset="-128"/>
              <a:ea typeface="ＭＳ Ｐゴシック" panose="020B0600070205080204" pitchFamily="50" charset="-128"/>
            </a:rPr>
            <a:t>　</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分子となる将来負担額が地方債現在高、退職手当支給予定額の減等により減少したことに加え、充当可能基金が財政調整基金現在高の増等により増加したことで、債務償還比率は、前年度と比較して下降している。</a:t>
          </a:r>
          <a:endParaRPr kumimoji="1" lang="en-US" altLang="ja-JP" sz="105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　今後</a:t>
          </a:r>
          <a:r>
            <a:rPr kumimoji="1" lang="ja-JP" altLang="en-US" sz="1050">
              <a:latin typeface="ＭＳ Ｐゴシック" panose="020B0600070205080204" pitchFamily="50" charset="-128"/>
              <a:ea typeface="ＭＳ Ｐゴシック" panose="020B0600070205080204" pitchFamily="50" charset="-128"/>
            </a:rPr>
            <a:t>も庁舎建替え事業や、連続立体交差事業等により投資的経費が増加する見込みであるが、市債発行にあたっては、実質公債費比率や市債現在高に留意し適正な活用に努め、将来負担額の縮減に向け取り組んでいく。</a:t>
          </a:r>
        </a:p>
      </xdr:txBody>
    </xdr:sp>
    <xdr:clientData/>
  </xdr:twoCellAnchor>
  <xdr:oneCellAnchor>
    <xdr:from>
      <xdr:col>57</xdr:col>
      <xdr:colOff>111125</xdr:colOff>
      <xdr:row>23</xdr:row>
      <xdr:rowOff>47625</xdr:rowOff>
    </xdr:from>
    <xdr:ext cx="349839" cy="225703"/>
    <xdr:sp macro="" textlink="">
      <xdr:nvSpPr>
        <xdr:cNvPr id="108" name="テキスト ボックス 107"/>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9" name="直線コネクタ 108"/>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6</xdr:row>
      <xdr:rowOff>74474</xdr:rowOff>
    </xdr:from>
    <xdr:ext cx="308097" cy="225703"/>
    <xdr:sp macro="" textlink="">
      <xdr:nvSpPr>
        <xdr:cNvPr id="110" name="テキスト ボックス 109"/>
        <xdr:cNvSpPr txBox="1"/>
      </xdr:nvSpPr>
      <xdr:spPr>
        <a:xfrm>
          <a:off x="10931403" y="7018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1" name="直線コネクタ 110"/>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108946</xdr:rowOff>
    </xdr:from>
    <xdr:ext cx="410689" cy="225703"/>
    <xdr:sp macro="" textlink="">
      <xdr:nvSpPr>
        <xdr:cNvPr id="112" name="テキスト ボックス 111"/>
        <xdr:cNvSpPr txBox="1"/>
      </xdr:nvSpPr>
      <xdr:spPr>
        <a:xfrm>
          <a:off x="10828811" y="670977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3" name="直線コネクタ 112"/>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4" name="テキスト ボックス 113"/>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5" name="直線コネクタ 114"/>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6" name="テキスト ボックス 115"/>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7" name="直線コネクタ 116"/>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9</xdr:row>
      <xdr:rowOff>40910</xdr:rowOff>
    </xdr:from>
    <xdr:ext cx="482824" cy="225703"/>
    <xdr:sp macro="" textlink="">
      <xdr:nvSpPr>
        <xdr:cNvPr id="118" name="テキスト ボックス 117"/>
        <xdr:cNvSpPr txBox="1"/>
      </xdr:nvSpPr>
      <xdr:spPr>
        <a:xfrm>
          <a:off x="10756676" y="5784485"/>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19" name="直線コネクタ 118"/>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7</xdr:row>
      <xdr:rowOff>75381</xdr:rowOff>
    </xdr:from>
    <xdr:ext cx="482824" cy="225703"/>
    <xdr:sp macro="" textlink="">
      <xdr:nvSpPr>
        <xdr:cNvPr id="120" name="テキスト ボックス 119"/>
        <xdr:cNvSpPr txBox="1"/>
      </xdr:nvSpPr>
      <xdr:spPr>
        <a:xfrm>
          <a:off x="10756676" y="547605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1" name="直線コネクタ 120"/>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09852</xdr:rowOff>
    </xdr:from>
    <xdr:ext cx="482824" cy="225703"/>
    <xdr:sp macro="" textlink="">
      <xdr:nvSpPr>
        <xdr:cNvPr id="122" name="テキスト ボックス 121"/>
        <xdr:cNvSpPr txBox="1"/>
      </xdr:nvSpPr>
      <xdr:spPr>
        <a:xfrm>
          <a:off x="10756676" y="516762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4" name="テキスト ボックス 123"/>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60101</xdr:rowOff>
    </xdr:from>
    <xdr:to>
      <xdr:col>76</xdr:col>
      <xdr:colOff>21589</xdr:colOff>
      <xdr:row>34</xdr:row>
      <xdr:rowOff>19951</xdr:rowOff>
    </xdr:to>
    <xdr:cxnSp macro="">
      <xdr:nvCxnSpPr>
        <xdr:cNvPr id="126" name="直線コネクタ 125"/>
        <xdr:cNvCxnSpPr/>
      </xdr:nvCxnSpPr>
      <xdr:spPr>
        <a:xfrm flipV="1">
          <a:off x="14793595" y="5460776"/>
          <a:ext cx="1269" cy="116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23778</xdr:rowOff>
    </xdr:from>
    <xdr:ext cx="469744" cy="259045"/>
    <xdr:sp macro="" textlink="">
      <xdr:nvSpPr>
        <xdr:cNvPr id="127" name="債務償還比率最小値テキスト"/>
        <xdr:cNvSpPr txBox="1"/>
      </xdr:nvSpPr>
      <xdr:spPr>
        <a:xfrm>
          <a:off x="14846300" y="6624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9951</xdr:rowOff>
    </xdr:from>
    <xdr:to>
      <xdr:col>76</xdr:col>
      <xdr:colOff>111125</xdr:colOff>
      <xdr:row>34</xdr:row>
      <xdr:rowOff>19951</xdr:rowOff>
    </xdr:to>
    <xdr:cxnSp macro="">
      <xdr:nvCxnSpPr>
        <xdr:cNvPr id="128" name="直線コネクタ 127"/>
        <xdr:cNvCxnSpPr/>
      </xdr:nvCxnSpPr>
      <xdr:spPr>
        <a:xfrm>
          <a:off x="14706600" y="6620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6778</xdr:rowOff>
    </xdr:from>
    <xdr:ext cx="560923" cy="259045"/>
    <xdr:sp macro="" textlink="">
      <xdr:nvSpPr>
        <xdr:cNvPr id="129" name="債務償還比率最大値テキスト"/>
        <xdr:cNvSpPr txBox="1"/>
      </xdr:nvSpPr>
      <xdr:spPr>
        <a:xfrm>
          <a:off x="14846300" y="523600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60101</xdr:rowOff>
    </xdr:from>
    <xdr:to>
      <xdr:col>76</xdr:col>
      <xdr:colOff>111125</xdr:colOff>
      <xdr:row>27</xdr:row>
      <xdr:rowOff>60101</xdr:rowOff>
    </xdr:to>
    <xdr:cxnSp macro="">
      <xdr:nvCxnSpPr>
        <xdr:cNvPr id="130" name="直線コネクタ 129"/>
        <xdr:cNvCxnSpPr/>
      </xdr:nvCxnSpPr>
      <xdr:spPr>
        <a:xfrm>
          <a:off x="14706600" y="5460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72244</xdr:rowOff>
    </xdr:from>
    <xdr:ext cx="560923" cy="259045"/>
    <xdr:sp macro="" textlink="">
      <xdr:nvSpPr>
        <xdr:cNvPr id="131" name="債務償還比率平均値テキスト"/>
        <xdr:cNvSpPr txBox="1"/>
      </xdr:nvSpPr>
      <xdr:spPr>
        <a:xfrm>
          <a:off x="14846300" y="5987269"/>
          <a:ext cx="560923"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93817</xdr:rowOff>
    </xdr:from>
    <xdr:to>
      <xdr:col>76</xdr:col>
      <xdr:colOff>73025</xdr:colOff>
      <xdr:row>31</xdr:row>
      <xdr:rowOff>23967</xdr:rowOff>
    </xdr:to>
    <xdr:sp macro="" textlink="">
      <xdr:nvSpPr>
        <xdr:cNvPr id="132" name="フローチャート: 判断 131"/>
        <xdr:cNvSpPr/>
      </xdr:nvSpPr>
      <xdr:spPr>
        <a:xfrm>
          <a:off x="14744700" y="6008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79012</xdr:rowOff>
    </xdr:from>
    <xdr:to>
      <xdr:col>72</xdr:col>
      <xdr:colOff>123825</xdr:colOff>
      <xdr:row>31</xdr:row>
      <xdr:rowOff>9162</xdr:rowOff>
    </xdr:to>
    <xdr:sp macro="" textlink="">
      <xdr:nvSpPr>
        <xdr:cNvPr id="133" name="フローチャート: 判断 132"/>
        <xdr:cNvSpPr/>
      </xdr:nvSpPr>
      <xdr:spPr>
        <a:xfrm>
          <a:off x="14033500" y="5994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4" name="テキスト ボックス 133"/>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5" name="テキスト ボックス 134"/>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6" name="テキスト ボックス 135"/>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7" name="テキスト ボックス 136"/>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8" name="テキスト ボックス 137"/>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23390</xdr:rowOff>
    </xdr:from>
    <xdr:to>
      <xdr:col>76</xdr:col>
      <xdr:colOff>73025</xdr:colOff>
      <xdr:row>30</xdr:row>
      <xdr:rowOff>53540</xdr:rowOff>
    </xdr:to>
    <xdr:sp macro="" textlink="">
      <xdr:nvSpPr>
        <xdr:cNvPr id="139" name="楕円 138"/>
        <xdr:cNvSpPr/>
      </xdr:nvSpPr>
      <xdr:spPr>
        <a:xfrm>
          <a:off x="14744700" y="5866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46267</xdr:rowOff>
    </xdr:from>
    <xdr:ext cx="560923" cy="259045"/>
    <xdr:sp macro="" textlink="">
      <xdr:nvSpPr>
        <xdr:cNvPr id="140" name="債務償還比率該当値テキスト"/>
        <xdr:cNvSpPr txBox="1"/>
      </xdr:nvSpPr>
      <xdr:spPr>
        <a:xfrm>
          <a:off x="14846300" y="571839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45974</xdr:rowOff>
    </xdr:from>
    <xdr:to>
      <xdr:col>72</xdr:col>
      <xdr:colOff>123825</xdr:colOff>
      <xdr:row>29</xdr:row>
      <xdr:rowOff>147574</xdr:rowOff>
    </xdr:to>
    <xdr:sp macro="" textlink="">
      <xdr:nvSpPr>
        <xdr:cNvPr id="141" name="楕円 140"/>
        <xdr:cNvSpPr/>
      </xdr:nvSpPr>
      <xdr:spPr>
        <a:xfrm>
          <a:off x="14033500" y="5789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96774</xdr:rowOff>
    </xdr:from>
    <xdr:to>
      <xdr:col>76</xdr:col>
      <xdr:colOff>22225</xdr:colOff>
      <xdr:row>30</xdr:row>
      <xdr:rowOff>2740</xdr:rowOff>
    </xdr:to>
    <xdr:cxnSp macro="">
      <xdr:nvCxnSpPr>
        <xdr:cNvPr id="142" name="直線コネクタ 141"/>
        <xdr:cNvCxnSpPr/>
      </xdr:nvCxnSpPr>
      <xdr:spPr>
        <a:xfrm>
          <a:off x="14084300" y="5840349"/>
          <a:ext cx="711200" cy="77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0</xdr:col>
      <xdr:colOff>160863</xdr:colOff>
      <xdr:row>31</xdr:row>
      <xdr:rowOff>289</xdr:rowOff>
    </xdr:from>
    <xdr:ext cx="560923" cy="259045"/>
    <xdr:sp macro="" textlink="">
      <xdr:nvSpPr>
        <xdr:cNvPr id="143" name="n_1aveValue債務償還比率"/>
        <xdr:cNvSpPr txBox="1"/>
      </xdr:nvSpPr>
      <xdr:spPr>
        <a:xfrm>
          <a:off x="13791138" y="608676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27</xdr:row>
      <xdr:rowOff>164101</xdr:rowOff>
    </xdr:from>
    <xdr:ext cx="560923" cy="259045"/>
    <xdr:sp macro="" textlink="">
      <xdr:nvSpPr>
        <xdr:cNvPr id="144" name="n_1mainValue債務償還比率"/>
        <xdr:cNvSpPr txBox="1"/>
      </xdr:nvSpPr>
      <xdr:spPr>
        <a:xfrm>
          <a:off x="13791138" y="556477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5" name="正方形/長方形 144"/>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6" name="正方形/長方形 145"/>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7" name="テキスト ボックス 146"/>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8" name="テキスト ボックス 147"/>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9" name="テキスト ボックス 148"/>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0" name="テキスト ボックス 149"/>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00,460
1,458,758
143.01
715,393,440
712,401,058
629,064
368,483,160
814,670,80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1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2" name="テキスト ボックス 41"/>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2" name="テキスト ボックス 51"/>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4" name="テキスト ボックス 53"/>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2</xdr:row>
      <xdr:rowOff>152400</xdr:rowOff>
    </xdr:from>
    <xdr:to>
      <xdr:col>24</xdr:col>
      <xdr:colOff>62865</xdr:colOff>
      <xdr:row>41</xdr:row>
      <xdr:rowOff>144780</xdr:rowOff>
    </xdr:to>
    <xdr:cxnSp macro="">
      <xdr:nvCxnSpPr>
        <xdr:cNvPr id="56" name="直線コネクタ 55"/>
        <xdr:cNvCxnSpPr/>
      </xdr:nvCxnSpPr>
      <xdr:spPr>
        <a:xfrm flipV="1">
          <a:off x="4634865" y="5638800"/>
          <a:ext cx="0" cy="153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48607</xdr:rowOff>
    </xdr:from>
    <xdr:ext cx="405111" cy="259045"/>
    <xdr:sp macro="" textlink="">
      <xdr:nvSpPr>
        <xdr:cNvPr id="57" name="【道路】&#10;有形固定資産減価償却率最小値テキスト"/>
        <xdr:cNvSpPr txBox="1"/>
      </xdr:nvSpPr>
      <xdr:spPr>
        <a:xfrm>
          <a:off x="4673600" y="717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44780</xdr:rowOff>
    </xdr:from>
    <xdr:to>
      <xdr:col>24</xdr:col>
      <xdr:colOff>152400</xdr:colOff>
      <xdr:row>41</xdr:row>
      <xdr:rowOff>144780</xdr:rowOff>
    </xdr:to>
    <xdr:cxnSp macro="">
      <xdr:nvCxnSpPr>
        <xdr:cNvPr id="58" name="直線コネクタ 57"/>
        <xdr:cNvCxnSpPr/>
      </xdr:nvCxnSpPr>
      <xdr:spPr>
        <a:xfrm>
          <a:off x="4546600" y="717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99077</xdr:rowOff>
    </xdr:from>
    <xdr:ext cx="405111" cy="259045"/>
    <xdr:sp macro="" textlink="">
      <xdr:nvSpPr>
        <xdr:cNvPr id="59" name="【道路】&#10;有形固定資産減価償却率最大値テキスト"/>
        <xdr:cNvSpPr txBox="1"/>
      </xdr:nvSpPr>
      <xdr:spPr>
        <a:xfrm>
          <a:off x="4673600" y="541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152400</xdr:rowOff>
    </xdr:from>
    <xdr:to>
      <xdr:col>24</xdr:col>
      <xdr:colOff>152400</xdr:colOff>
      <xdr:row>32</xdr:row>
      <xdr:rowOff>152400</xdr:rowOff>
    </xdr:to>
    <xdr:cxnSp macro="">
      <xdr:nvCxnSpPr>
        <xdr:cNvPr id="60" name="直線コネクタ 59"/>
        <xdr:cNvCxnSpPr/>
      </xdr:nvCxnSpPr>
      <xdr:spPr>
        <a:xfrm>
          <a:off x="4546600" y="563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90187</xdr:rowOff>
    </xdr:from>
    <xdr:ext cx="405111" cy="259045"/>
    <xdr:sp macro="" textlink="">
      <xdr:nvSpPr>
        <xdr:cNvPr id="61" name="【道路】&#10;有形固定資産減価償却率平均値テキスト"/>
        <xdr:cNvSpPr txBox="1"/>
      </xdr:nvSpPr>
      <xdr:spPr>
        <a:xfrm>
          <a:off x="4673600" y="62623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7310</xdr:rowOff>
    </xdr:from>
    <xdr:to>
      <xdr:col>24</xdr:col>
      <xdr:colOff>114300</xdr:colOff>
      <xdr:row>37</xdr:row>
      <xdr:rowOff>168910</xdr:rowOff>
    </xdr:to>
    <xdr:sp macro="" textlink="">
      <xdr:nvSpPr>
        <xdr:cNvPr id="62" name="フローチャート: 判断 61"/>
        <xdr:cNvSpPr/>
      </xdr:nvSpPr>
      <xdr:spPr>
        <a:xfrm>
          <a:off x="45847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0170</xdr:rowOff>
    </xdr:from>
    <xdr:to>
      <xdr:col>20</xdr:col>
      <xdr:colOff>38100</xdr:colOff>
      <xdr:row>38</xdr:row>
      <xdr:rowOff>20320</xdr:rowOff>
    </xdr:to>
    <xdr:sp macro="" textlink="">
      <xdr:nvSpPr>
        <xdr:cNvPr id="63" name="フローチャート: 判断 62"/>
        <xdr:cNvSpPr/>
      </xdr:nvSpPr>
      <xdr:spPr>
        <a:xfrm>
          <a:off x="374650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74930</xdr:rowOff>
    </xdr:from>
    <xdr:to>
      <xdr:col>15</xdr:col>
      <xdr:colOff>101600</xdr:colOff>
      <xdr:row>38</xdr:row>
      <xdr:rowOff>5080</xdr:rowOff>
    </xdr:to>
    <xdr:sp macro="" textlink="">
      <xdr:nvSpPr>
        <xdr:cNvPr id="64" name="フローチャート: 判断 63"/>
        <xdr:cNvSpPr/>
      </xdr:nvSpPr>
      <xdr:spPr>
        <a:xfrm>
          <a:off x="2857500" y="641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71120</xdr:rowOff>
    </xdr:from>
    <xdr:to>
      <xdr:col>10</xdr:col>
      <xdr:colOff>165100</xdr:colOff>
      <xdr:row>39</xdr:row>
      <xdr:rowOff>1270</xdr:rowOff>
    </xdr:to>
    <xdr:sp macro="" textlink="">
      <xdr:nvSpPr>
        <xdr:cNvPr id="65" name="フローチャート: 判断 64"/>
        <xdr:cNvSpPr/>
      </xdr:nvSpPr>
      <xdr:spPr>
        <a:xfrm>
          <a:off x="1968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9220</xdr:rowOff>
    </xdr:from>
    <xdr:to>
      <xdr:col>24</xdr:col>
      <xdr:colOff>114300</xdr:colOff>
      <xdr:row>38</xdr:row>
      <xdr:rowOff>39370</xdr:rowOff>
    </xdr:to>
    <xdr:sp macro="" textlink="">
      <xdr:nvSpPr>
        <xdr:cNvPr id="71" name="楕円 70"/>
        <xdr:cNvSpPr/>
      </xdr:nvSpPr>
      <xdr:spPr>
        <a:xfrm>
          <a:off x="4584700" y="6452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87647</xdr:rowOff>
    </xdr:from>
    <xdr:ext cx="405111" cy="259045"/>
    <xdr:sp macro="" textlink="">
      <xdr:nvSpPr>
        <xdr:cNvPr id="72" name="【道路】&#10;有形固定資産減価償却率該当値テキスト"/>
        <xdr:cNvSpPr txBox="1"/>
      </xdr:nvSpPr>
      <xdr:spPr>
        <a:xfrm>
          <a:off x="4673600" y="6431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97790</xdr:rowOff>
    </xdr:from>
    <xdr:to>
      <xdr:col>20</xdr:col>
      <xdr:colOff>38100</xdr:colOff>
      <xdr:row>38</xdr:row>
      <xdr:rowOff>27940</xdr:rowOff>
    </xdr:to>
    <xdr:sp macro="" textlink="">
      <xdr:nvSpPr>
        <xdr:cNvPr id="73" name="楕円 72"/>
        <xdr:cNvSpPr/>
      </xdr:nvSpPr>
      <xdr:spPr>
        <a:xfrm>
          <a:off x="3746500" y="64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48590</xdr:rowOff>
    </xdr:from>
    <xdr:to>
      <xdr:col>24</xdr:col>
      <xdr:colOff>63500</xdr:colOff>
      <xdr:row>37</xdr:row>
      <xdr:rowOff>160020</xdr:rowOff>
    </xdr:to>
    <xdr:cxnSp macro="">
      <xdr:nvCxnSpPr>
        <xdr:cNvPr id="74" name="直線コネクタ 73"/>
        <xdr:cNvCxnSpPr/>
      </xdr:nvCxnSpPr>
      <xdr:spPr>
        <a:xfrm>
          <a:off x="3797300" y="649224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16840</xdr:rowOff>
    </xdr:from>
    <xdr:to>
      <xdr:col>15</xdr:col>
      <xdr:colOff>101600</xdr:colOff>
      <xdr:row>38</xdr:row>
      <xdr:rowOff>46990</xdr:rowOff>
    </xdr:to>
    <xdr:sp macro="" textlink="">
      <xdr:nvSpPr>
        <xdr:cNvPr id="75" name="楕円 74"/>
        <xdr:cNvSpPr/>
      </xdr:nvSpPr>
      <xdr:spPr>
        <a:xfrm>
          <a:off x="2857500" y="6460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48590</xdr:rowOff>
    </xdr:from>
    <xdr:to>
      <xdr:col>19</xdr:col>
      <xdr:colOff>177800</xdr:colOff>
      <xdr:row>37</xdr:row>
      <xdr:rowOff>167640</xdr:rowOff>
    </xdr:to>
    <xdr:cxnSp macro="">
      <xdr:nvCxnSpPr>
        <xdr:cNvPr id="76" name="直線コネクタ 75"/>
        <xdr:cNvCxnSpPr/>
      </xdr:nvCxnSpPr>
      <xdr:spPr>
        <a:xfrm flipV="1">
          <a:off x="2908300" y="649224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3970</xdr:rowOff>
    </xdr:from>
    <xdr:to>
      <xdr:col>10</xdr:col>
      <xdr:colOff>165100</xdr:colOff>
      <xdr:row>38</xdr:row>
      <xdr:rowOff>115570</xdr:rowOff>
    </xdr:to>
    <xdr:sp macro="" textlink="">
      <xdr:nvSpPr>
        <xdr:cNvPr id="77" name="楕円 76"/>
        <xdr:cNvSpPr/>
      </xdr:nvSpPr>
      <xdr:spPr>
        <a:xfrm>
          <a:off x="1968500" y="652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67640</xdr:rowOff>
    </xdr:from>
    <xdr:to>
      <xdr:col>15</xdr:col>
      <xdr:colOff>50800</xdr:colOff>
      <xdr:row>38</xdr:row>
      <xdr:rowOff>64770</xdr:rowOff>
    </xdr:to>
    <xdr:cxnSp macro="">
      <xdr:nvCxnSpPr>
        <xdr:cNvPr id="78" name="直線コネクタ 77"/>
        <xdr:cNvCxnSpPr/>
      </xdr:nvCxnSpPr>
      <xdr:spPr>
        <a:xfrm flipV="1">
          <a:off x="2019300" y="651129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36847</xdr:rowOff>
    </xdr:from>
    <xdr:ext cx="405111" cy="259045"/>
    <xdr:sp macro="" textlink="">
      <xdr:nvSpPr>
        <xdr:cNvPr id="79" name="n_1aveValue【道路】&#10;有形固定資産減価償却率"/>
        <xdr:cNvSpPr txBox="1"/>
      </xdr:nvSpPr>
      <xdr:spPr>
        <a:xfrm>
          <a:off x="3582044" y="620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21607</xdr:rowOff>
    </xdr:from>
    <xdr:ext cx="405111" cy="259045"/>
    <xdr:sp macro="" textlink="">
      <xdr:nvSpPr>
        <xdr:cNvPr id="80" name="n_2aveValue【道路】&#10;有形固定資産減価償却率"/>
        <xdr:cNvSpPr txBox="1"/>
      </xdr:nvSpPr>
      <xdr:spPr>
        <a:xfrm>
          <a:off x="2705744" y="619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63847</xdr:rowOff>
    </xdr:from>
    <xdr:ext cx="405111" cy="259045"/>
    <xdr:sp macro="" textlink="">
      <xdr:nvSpPr>
        <xdr:cNvPr id="81" name="n_3aveValue【道路】&#10;有形固定資産減価償却率"/>
        <xdr:cNvSpPr txBox="1"/>
      </xdr:nvSpPr>
      <xdr:spPr>
        <a:xfrm>
          <a:off x="1816744" y="667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9067</xdr:rowOff>
    </xdr:from>
    <xdr:ext cx="405111" cy="259045"/>
    <xdr:sp macro="" textlink="">
      <xdr:nvSpPr>
        <xdr:cNvPr id="82" name="n_1mainValue【道路】&#10;有形固定資産減価償却率"/>
        <xdr:cNvSpPr txBox="1"/>
      </xdr:nvSpPr>
      <xdr:spPr>
        <a:xfrm>
          <a:off x="3582044" y="6534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38117</xdr:rowOff>
    </xdr:from>
    <xdr:ext cx="405111" cy="259045"/>
    <xdr:sp macro="" textlink="">
      <xdr:nvSpPr>
        <xdr:cNvPr id="83" name="n_2mainValue【道路】&#10;有形固定資産減価償却率"/>
        <xdr:cNvSpPr txBox="1"/>
      </xdr:nvSpPr>
      <xdr:spPr>
        <a:xfrm>
          <a:off x="2705744" y="6553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32097</xdr:rowOff>
    </xdr:from>
    <xdr:ext cx="405111" cy="259045"/>
    <xdr:sp macro="" textlink="">
      <xdr:nvSpPr>
        <xdr:cNvPr id="84" name="n_3mainValue【道路】&#10;有形固定資産減価償却率"/>
        <xdr:cNvSpPr txBox="1"/>
      </xdr:nvSpPr>
      <xdr:spPr>
        <a:xfrm>
          <a:off x="1816744" y="6304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5" name="直線コネクタ 94"/>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6" name="テキスト ボックス 95"/>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7" name="直線コネクタ 96"/>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8" name="テキスト ボックス 97"/>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9" name="直線コネクタ 98"/>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0" name="テキスト ボックス 99"/>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1" name="直線コネクタ 100"/>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2" name="テキスト ボックス 101"/>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3" name="直線コネクタ 102"/>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4" name="テキスト ボックス 103"/>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5" name="直線コネクタ 104"/>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6" name="テキスト ボックス 105"/>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7"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9535</xdr:rowOff>
    </xdr:from>
    <xdr:to>
      <xdr:col>54</xdr:col>
      <xdr:colOff>189865</xdr:colOff>
      <xdr:row>41</xdr:row>
      <xdr:rowOff>41910</xdr:rowOff>
    </xdr:to>
    <xdr:cxnSp macro="">
      <xdr:nvCxnSpPr>
        <xdr:cNvPr id="108" name="直線コネクタ 107"/>
        <xdr:cNvCxnSpPr/>
      </xdr:nvCxnSpPr>
      <xdr:spPr>
        <a:xfrm flipV="1">
          <a:off x="10476865" y="5747385"/>
          <a:ext cx="0" cy="1323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5737</xdr:rowOff>
    </xdr:from>
    <xdr:ext cx="469744" cy="259045"/>
    <xdr:sp macro="" textlink="">
      <xdr:nvSpPr>
        <xdr:cNvPr id="109" name="【道路】&#10;一人当たり延長最小値テキスト"/>
        <xdr:cNvSpPr txBox="1"/>
      </xdr:nvSpPr>
      <xdr:spPr>
        <a:xfrm>
          <a:off x="10515600"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41910</xdr:rowOff>
    </xdr:from>
    <xdr:to>
      <xdr:col>55</xdr:col>
      <xdr:colOff>88900</xdr:colOff>
      <xdr:row>41</xdr:row>
      <xdr:rowOff>41910</xdr:rowOff>
    </xdr:to>
    <xdr:cxnSp macro="">
      <xdr:nvCxnSpPr>
        <xdr:cNvPr id="110" name="直線コネクタ 109"/>
        <xdr:cNvCxnSpPr/>
      </xdr:nvCxnSpPr>
      <xdr:spPr>
        <a:xfrm>
          <a:off x="10388600" y="7071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6212</xdr:rowOff>
    </xdr:from>
    <xdr:ext cx="534377" cy="259045"/>
    <xdr:sp macro="" textlink="">
      <xdr:nvSpPr>
        <xdr:cNvPr id="111" name="【道路】&#10;一人当たり延長最大値テキスト"/>
        <xdr:cNvSpPr txBox="1"/>
      </xdr:nvSpPr>
      <xdr:spPr>
        <a:xfrm>
          <a:off x="10515600" y="5522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9535</xdr:rowOff>
    </xdr:from>
    <xdr:to>
      <xdr:col>55</xdr:col>
      <xdr:colOff>88900</xdr:colOff>
      <xdr:row>33</xdr:row>
      <xdr:rowOff>89535</xdr:rowOff>
    </xdr:to>
    <xdr:cxnSp macro="">
      <xdr:nvCxnSpPr>
        <xdr:cNvPr id="112" name="直線コネクタ 111"/>
        <xdr:cNvCxnSpPr/>
      </xdr:nvCxnSpPr>
      <xdr:spPr>
        <a:xfrm>
          <a:off x="10388600" y="574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9745</xdr:rowOff>
    </xdr:from>
    <xdr:ext cx="469744" cy="259045"/>
    <xdr:sp macro="" textlink="">
      <xdr:nvSpPr>
        <xdr:cNvPr id="113" name="【道路】&#10;一人当たり延長平均値テキスト"/>
        <xdr:cNvSpPr txBox="1"/>
      </xdr:nvSpPr>
      <xdr:spPr>
        <a:xfrm>
          <a:off x="10515600" y="66248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6868</xdr:rowOff>
    </xdr:from>
    <xdr:to>
      <xdr:col>55</xdr:col>
      <xdr:colOff>50800</xdr:colOff>
      <xdr:row>40</xdr:row>
      <xdr:rowOff>17018</xdr:rowOff>
    </xdr:to>
    <xdr:sp macro="" textlink="">
      <xdr:nvSpPr>
        <xdr:cNvPr id="114" name="フローチャート: 判断 113"/>
        <xdr:cNvSpPr/>
      </xdr:nvSpPr>
      <xdr:spPr>
        <a:xfrm>
          <a:off x="10426700" y="6773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90805</xdr:rowOff>
    </xdr:from>
    <xdr:to>
      <xdr:col>50</xdr:col>
      <xdr:colOff>165100</xdr:colOff>
      <xdr:row>40</xdr:row>
      <xdr:rowOff>20955</xdr:rowOff>
    </xdr:to>
    <xdr:sp macro="" textlink="">
      <xdr:nvSpPr>
        <xdr:cNvPr id="115" name="フローチャート: 判断 114"/>
        <xdr:cNvSpPr/>
      </xdr:nvSpPr>
      <xdr:spPr>
        <a:xfrm>
          <a:off x="9588500" y="6777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77597</xdr:rowOff>
    </xdr:from>
    <xdr:to>
      <xdr:col>46</xdr:col>
      <xdr:colOff>38100</xdr:colOff>
      <xdr:row>40</xdr:row>
      <xdr:rowOff>7747</xdr:rowOff>
    </xdr:to>
    <xdr:sp macro="" textlink="">
      <xdr:nvSpPr>
        <xdr:cNvPr id="116" name="フローチャート: 判断 115"/>
        <xdr:cNvSpPr/>
      </xdr:nvSpPr>
      <xdr:spPr>
        <a:xfrm>
          <a:off x="8699500" y="6764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41021</xdr:rowOff>
    </xdr:from>
    <xdr:to>
      <xdr:col>41</xdr:col>
      <xdr:colOff>101600</xdr:colOff>
      <xdr:row>39</xdr:row>
      <xdr:rowOff>142621</xdr:rowOff>
    </xdr:to>
    <xdr:sp macro="" textlink="">
      <xdr:nvSpPr>
        <xdr:cNvPr id="117" name="フローチャート: 判断 116"/>
        <xdr:cNvSpPr/>
      </xdr:nvSpPr>
      <xdr:spPr>
        <a:xfrm>
          <a:off x="7810500" y="6727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8" name="テキスト ボックス 11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9" name="テキスト ボックス 11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0" name="テキスト ボックス 11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1" name="テキスト ボックス 12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2" name="テキスト ボックス 12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29159</xdr:rowOff>
    </xdr:from>
    <xdr:to>
      <xdr:col>55</xdr:col>
      <xdr:colOff>50800</xdr:colOff>
      <xdr:row>41</xdr:row>
      <xdr:rowOff>59309</xdr:rowOff>
    </xdr:to>
    <xdr:sp macro="" textlink="">
      <xdr:nvSpPr>
        <xdr:cNvPr id="123" name="楕円 122"/>
        <xdr:cNvSpPr/>
      </xdr:nvSpPr>
      <xdr:spPr>
        <a:xfrm>
          <a:off x="10426700" y="6987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4086</xdr:rowOff>
    </xdr:from>
    <xdr:ext cx="469744" cy="259045"/>
    <xdr:sp macro="" textlink="">
      <xdr:nvSpPr>
        <xdr:cNvPr id="124" name="【道路】&#10;一人当たり延長該当値テキスト"/>
        <xdr:cNvSpPr txBox="1"/>
      </xdr:nvSpPr>
      <xdr:spPr>
        <a:xfrm>
          <a:off x="10515600" y="6902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7635</xdr:rowOff>
    </xdr:from>
    <xdr:to>
      <xdr:col>50</xdr:col>
      <xdr:colOff>165100</xdr:colOff>
      <xdr:row>41</xdr:row>
      <xdr:rowOff>57785</xdr:rowOff>
    </xdr:to>
    <xdr:sp macro="" textlink="">
      <xdr:nvSpPr>
        <xdr:cNvPr id="125" name="楕円 124"/>
        <xdr:cNvSpPr/>
      </xdr:nvSpPr>
      <xdr:spPr>
        <a:xfrm>
          <a:off x="9588500" y="6985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6985</xdr:rowOff>
    </xdr:from>
    <xdr:to>
      <xdr:col>55</xdr:col>
      <xdr:colOff>0</xdr:colOff>
      <xdr:row>41</xdr:row>
      <xdr:rowOff>8509</xdr:rowOff>
    </xdr:to>
    <xdr:cxnSp macro="">
      <xdr:nvCxnSpPr>
        <xdr:cNvPr id="126" name="直線コネクタ 125"/>
        <xdr:cNvCxnSpPr/>
      </xdr:nvCxnSpPr>
      <xdr:spPr>
        <a:xfrm>
          <a:off x="9639300" y="7036435"/>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25857</xdr:rowOff>
    </xdr:from>
    <xdr:to>
      <xdr:col>46</xdr:col>
      <xdr:colOff>38100</xdr:colOff>
      <xdr:row>41</xdr:row>
      <xdr:rowOff>56007</xdr:rowOff>
    </xdr:to>
    <xdr:sp macro="" textlink="">
      <xdr:nvSpPr>
        <xdr:cNvPr id="127" name="楕円 126"/>
        <xdr:cNvSpPr/>
      </xdr:nvSpPr>
      <xdr:spPr>
        <a:xfrm>
          <a:off x="8699500" y="6983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5207</xdr:rowOff>
    </xdr:from>
    <xdr:to>
      <xdr:col>50</xdr:col>
      <xdr:colOff>114300</xdr:colOff>
      <xdr:row>41</xdr:row>
      <xdr:rowOff>6985</xdr:rowOff>
    </xdr:to>
    <xdr:cxnSp macro="">
      <xdr:nvCxnSpPr>
        <xdr:cNvPr id="128" name="直線コネクタ 127"/>
        <xdr:cNvCxnSpPr/>
      </xdr:nvCxnSpPr>
      <xdr:spPr>
        <a:xfrm>
          <a:off x="8750300" y="7034657"/>
          <a:ext cx="889000" cy="1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3952</xdr:rowOff>
    </xdr:from>
    <xdr:to>
      <xdr:col>41</xdr:col>
      <xdr:colOff>101600</xdr:colOff>
      <xdr:row>41</xdr:row>
      <xdr:rowOff>54102</xdr:rowOff>
    </xdr:to>
    <xdr:sp macro="" textlink="">
      <xdr:nvSpPr>
        <xdr:cNvPr id="129" name="楕円 128"/>
        <xdr:cNvSpPr/>
      </xdr:nvSpPr>
      <xdr:spPr>
        <a:xfrm>
          <a:off x="7810500" y="6981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302</xdr:rowOff>
    </xdr:from>
    <xdr:to>
      <xdr:col>45</xdr:col>
      <xdr:colOff>177800</xdr:colOff>
      <xdr:row>41</xdr:row>
      <xdr:rowOff>5207</xdr:rowOff>
    </xdr:to>
    <xdr:cxnSp macro="">
      <xdr:nvCxnSpPr>
        <xdr:cNvPr id="130" name="直線コネクタ 129"/>
        <xdr:cNvCxnSpPr/>
      </xdr:nvCxnSpPr>
      <xdr:spPr>
        <a:xfrm>
          <a:off x="7861300" y="7032752"/>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7482</xdr:rowOff>
    </xdr:from>
    <xdr:ext cx="469744" cy="259045"/>
    <xdr:sp macro="" textlink="">
      <xdr:nvSpPr>
        <xdr:cNvPr id="131" name="n_1aveValue【道路】&#10;一人当たり延長"/>
        <xdr:cNvSpPr txBox="1"/>
      </xdr:nvSpPr>
      <xdr:spPr>
        <a:xfrm>
          <a:off x="9391727" y="6552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4274</xdr:rowOff>
    </xdr:from>
    <xdr:ext cx="469744" cy="259045"/>
    <xdr:sp macro="" textlink="">
      <xdr:nvSpPr>
        <xdr:cNvPr id="132" name="n_2aveValue【道路】&#10;一人当たり延長"/>
        <xdr:cNvSpPr txBox="1"/>
      </xdr:nvSpPr>
      <xdr:spPr>
        <a:xfrm>
          <a:off x="8515427" y="6539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59148</xdr:rowOff>
    </xdr:from>
    <xdr:ext cx="469744" cy="259045"/>
    <xdr:sp macro="" textlink="">
      <xdr:nvSpPr>
        <xdr:cNvPr id="133" name="n_3aveValue【道路】&#10;一人当たり延長"/>
        <xdr:cNvSpPr txBox="1"/>
      </xdr:nvSpPr>
      <xdr:spPr>
        <a:xfrm>
          <a:off x="7626427" y="6502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48912</xdr:rowOff>
    </xdr:from>
    <xdr:ext cx="469744" cy="259045"/>
    <xdr:sp macro="" textlink="">
      <xdr:nvSpPr>
        <xdr:cNvPr id="134" name="n_1mainValue【道路】&#10;一人当たり延長"/>
        <xdr:cNvSpPr txBox="1"/>
      </xdr:nvSpPr>
      <xdr:spPr>
        <a:xfrm>
          <a:off x="9391727" y="7078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47134</xdr:rowOff>
    </xdr:from>
    <xdr:ext cx="469744" cy="259045"/>
    <xdr:sp macro="" textlink="">
      <xdr:nvSpPr>
        <xdr:cNvPr id="135" name="n_2mainValue【道路】&#10;一人当たり延長"/>
        <xdr:cNvSpPr txBox="1"/>
      </xdr:nvSpPr>
      <xdr:spPr>
        <a:xfrm>
          <a:off x="8515427" y="7076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5229</xdr:rowOff>
    </xdr:from>
    <xdr:ext cx="469744" cy="259045"/>
    <xdr:sp macro="" textlink="">
      <xdr:nvSpPr>
        <xdr:cNvPr id="136" name="n_3mainValue【道路】&#10;一人当たり延長"/>
        <xdr:cNvSpPr txBox="1"/>
      </xdr:nvSpPr>
      <xdr:spPr>
        <a:xfrm>
          <a:off x="7626427" y="7074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7" name="正方形/長方形 13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8" name="正方形/長方形 13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9" name="正方形/長方形 13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0" name="正方形/長方形 13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1" name="正方形/長方形 14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2" name="正方形/長方形 14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3" name="正方形/長方形 14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4" name="正方形/長方形 14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5" name="テキスト ボックス 14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6" name="直線コネクタ 14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76200</xdr:rowOff>
    </xdr:from>
    <xdr:to>
      <xdr:col>28</xdr:col>
      <xdr:colOff>114300</xdr:colOff>
      <xdr:row>64</xdr:row>
      <xdr:rowOff>76200</xdr:rowOff>
    </xdr:to>
    <xdr:cxnSp macro="">
      <xdr:nvCxnSpPr>
        <xdr:cNvPr id="147" name="直線コネクタ 14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05427</xdr:rowOff>
    </xdr:from>
    <xdr:ext cx="338939" cy="259045"/>
    <xdr:sp macro="" textlink="">
      <xdr:nvSpPr>
        <xdr:cNvPr id="148" name="テキスト ボックス 147"/>
        <xdr:cNvSpPr txBox="1"/>
      </xdr:nvSpPr>
      <xdr:spPr>
        <a:xfrm>
          <a:off x="423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9" name="直線コネクタ 14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0" name="テキスト ボックス 14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1" name="直線コネクタ 15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2" name="テキスト ボックス 15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3" name="直線コネクタ 15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4" name="テキスト ボックス 15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5" name="直線コネクタ 15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56" name="テキスト ボックス 155"/>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7" name="直線コネクタ 15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8" name="テキスト ボックス 157"/>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9"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14300</xdr:rowOff>
    </xdr:from>
    <xdr:to>
      <xdr:col>24</xdr:col>
      <xdr:colOff>62865</xdr:colOff>
      <xdr:row>64</xdr:row>
      <xdr:rowOff>66675</xdr:rowOff>
    </xdr:to>
    <xdr:cxnSp macro="">
      <xdr:nvCxnSpPr>
        <xdr:cNvPr id="160" name="直線コネクタ 159"/>
        <xdr:cNvCxnSpPr/>
      </xdr:nvCxnSpPr>
      <xdr:spPr>
        <a:xfrm flipV="1">
          <a:off x="4634865" y="9715500"/>
          <a:ext cx="0" cy="1323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70502</xdr:rowOff>
    </xdr:from>
    <xdr:ext cx="340478" cy="259045"/>
    <xdr:sp macro="" textlink="">
      <xdr:nvSpPr>
        <xdr:cNvPr id="161" name="【橋りょう・トンネル】&#10;有形固定資産減価償却率最小値テキスト"/>
        <xdr:cNvSpPr txBox="1"/>
      </xdr:nvSpPr>
      <xdr:spPr>
        <a:xfrm>
          <a:off x="4673600" y="1104330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66675</xdr:rowOff>
    </xdr:from>
    <xdr:to>
      <xdr:col>24</xdr:col>
      <xdr:colOff>152400</xdr:colOff>
      <xdr:row>64</xdr:row>
      <xdr:rowOff>66675</xdr:rowOff>
    </xdr:to>
    <xdr:cxnSp macro="">
      <xdr:nvCxnSpPr>
        <xdr:cNvPr id="162" name="直線コネクタ 161"/>
        <xdr:cNvCxnSpPr/>
      </xdr:nvCxnSpPr>
      <xdr:spPr>
        <a:xfrm>
          <a:off x="4546600" y="11039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60977</xdr:rowOff>
    </xdr:from>
    <xdr:ext cx="405111" cy="259045"/>
    <xdr:sp macro="" textlink="">
      <xdr:nvSpPr>
        <xdr:cNvPr id="163" name="【橋りょう・トンネル】&#10;有形固定資産減価償却率最大値テキスト"/>
        <xdr:cNvSpPr txBox="1"/>
      </xdr:nvSpPr>
      <xdr:spPr>
        <a:xfrm>
          <a:off x="4673600" y="949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14300</xdr:rowOff>
    </xdr:from>
    <xdr:to>
      <xdr:col>24</xdr:col>
      <xdr:colOff>152400</xdr:colOff>
      <xdr:row>56</xdr:row>
      <xdr:rowOff>114300</xdr:rowOff>
    </xdr:to>
    <xdr:cxnSp macro="">
      <xdr:nvCxnSpPr>
        <xdr:cNvPr id="164" name="直線コネクタ 163"/>
        <xdr:cNvCxnSpPr/>
      </xdr:nvCxnSpPr>
      <xdr:spPr>
        <a:xfrm>
          <a:off x="4546600" y="971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97172</xdr:rowOff>
    </xdr:from>
    <xdr:ext cx="405111" cy="259045"/>
    <xdr:sp macro="" textlink="">
      <xdr:nvSpPr>
        <xdr:cNvPr id="165" name="【橋りょう・トンネル】&#10;有形固定資産減価償却率平均値テキスト"/>
        <xdr:cNvSpPr txBox="1"/>
      </xdr:nvSpPr>
      <xdr:spPr>
        <a:xfrm>
          <a:off x="4673600" y="98698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8745</xdr:rowOff>
    </xdr:from>
    <xdr:to>
      <xdr:col>24</xdr:col>
      <xdr:colOff>114300</xdr:colOff>
      <xdr:row>58</xdr:row>
      <xdr:rowOff>48895</xdr:rowOff>
    </xdr:to>
    <xdr:sp macro="" textlink="">
      <xdr:nvSpPr>
        <xdr:cNvPr id="166" name="フローチャート: 判断 165"/>
        <xdr:cNvSpPr/>
      </xdr:nvSpPr>
      <xdr:spPr>
        <a:xfrm>
          <a:off x="4584700" y="9891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7</xdr:row>
      <xdr:rowOff>137795</xdr:rowOff>
    </xdr:from>
    <xdr:to>
      <xdr:col>20</xdr:col>
      <xdr:colOff>38100</xdr:colOff>
      <xdr:row>58</xdr:row>
      <xdr:rowOff>67945</xdr:rowOff>
    </xdr:to>
    <xdr:sp macro="" textlink="">
      <xdr:nvSpPr>
        <xdr:cNvPr id="167" name="フローチャート: 判断 166"/>
        <xdr:cNvSpPr/>
      </xdr:nvSpPr>
      <xdr:spPr>
        <a:xfrm>
          <a:off x="3746500" y="9910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7</xdr:row>
      <xdr:rowOff>168275</xdr:rowOff>
    </xdr:from>
    <xdr:to>
      <xdr:col>15</xdr:col>
      <xdr:colOff>101600</xdr:colOff>
      <xdr:row>58</xdr:row>
      <xdr:rowOff>98425</xdr:rowOff>
    </xdr:to>
    <xdr:sp macro="" textlink="">
      <xdr:nvSpPr>
        <xdr:cNvPr id="168" name="フローチャート: 判断 167"/>
        <xdr:cNvSpPr/>
      </xdr:nvSpPr>
      <xdr:spPr>
        <a:xfrm>
          <a:off x="2857500" y="9940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7</xdr:row>
      <xdr:rowOff>166370</xdr:rowOff>
    </xdr:from>
    <xdr:to>
      <xdr:col>10</xdr:col>
      <xdr:colOff>165100</xdr:colOff>
      <xdr:row>58</xdr:row>
      <xdr:rowOff>96520</xdr:rowOff>
    </xdr:to>
    <xdr:sp macro="" textlink="">
      <xdr:nvSpPr>
        <xdr:cNvPr id="169" name="フローチャート: 判断 168"/>
        <xdr:cNvSpPr/>
      </xdr:nvSpPr>
      <xdr:spPr>
        <a:xfrm>
          <a:off x="1968500" y="9939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0" name="テキスト ボックス 16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1" name="テキスト ボックス 17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2" name="テキスト ボックス 17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3" name="テキスト ボックス 17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4" name="テキスト ボックス 17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46355</xdr:rowOff>
    </xdr:from>
    <xdr:to>
      <xdr:col>24</xdr:col>
      <xdr:colOff>114300</xdr:colOff>
      <xdr:row>57</xdr:row>
      <xdr:rowOff>147955</xdr:rowOff>
    </xdr:to>
    <xdr:sp macro="" textlink="">
      <xdr:nvSpPr>
        <xdr:cNvPr id="175" name="楕円 174"/>
        <xdr:cNvSpPr/>
      </xdr:nvSpPr>
      <xdr:spPr>
        <a:xfrm>
          <a:off x="4584700" y="9819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69232</xdr:rowOff>
    </xdr:from>
    <xdr:ext cx="405111" cy="259045"/>
    <xdr:sp macro="" textlink="">
      <xdr:nvSpPr>
        <xdr:cNvPr id="176" name="【橋りょう・トンネル】&#10;有形固定資産減価償却率該当値テキスト"/>
        <xdr:cNvSpPr txBox="1"/>
      </xdr:nvSpPr>
      <xdr:spPr>
        <a:xfrm>
          <a:off x="4673600" y="9670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7785</xdr:rowOff>
    </xdr:from>
    <xdr:to>
      <xdr:col>20</xdr:col>
      <xdr:colOff>38100</xdr:colOff>
      <xdr:row>57</xdr:row>
      <xdr:rowOff>159385</xdr:rowOff>
    </xdr:to>
    <xdr:sp macro="" textlink="">
      <xdr:nvSpPr>
        <xdr:cNvPr id="177" name="楕円 176"/>
        <xdr:cNvSpPr/>
      </xdr:nvSpPr>
      <xdr:spPr>
        <a:xfrm>
          <a:off x="3746500" y="9830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97155</xdr:rowOff>
    </xdr:from>
    <xdr:to>
      <xdr:col>24</xdr:col>
      <xdr:colOff>63500</xdr:colOff>
      <xdr:row>57</xdr:row>
      <xdr:rowOff>108585</xdr:rowOff>
    </xdr:to>
    <xdr:cxnSp macro="">
      <xdr:nvCxnSpPr>
        <xdr:cNvPr id="178" name="直線コネクタ 177"/>
        <xdr:cNvCxnSpPr/>
      </xdr:nvCxnSpPr>
      <xdr:spPr>
        <a:xfrm flipV="1">
          <a:off x="3797300" y="9869805"/>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65405</xdr:rowOff>
    </xdr:from>
    <xdr:to>
      <xdr:col>15</xdr:col>
      <xdr:colOff>101600</xdr:colOff>
      <xdr:row>57</xdr:row>
      <xdr:rowOff>167005</xdr:rowOff>
    </xdr:to>
    <xdr:sp macro="" textlink="">
      <xdr:nvSpPr>
        <xdr:cNvPr id="179" name="楕円 178"/>
        <xdr:cNvSpPr/>
      </xdr:nvSpPr>
      <xdr:spPr>
        <a:xfrm>
          <a:off x="2857500" y="9838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8585</xdr:rowOff>
    </xdr:from>
    <xdr:to>
      <xdr:col>19</xdr:col>
      <xdr:colOff>177800</xdr:colOff>
      <xdr:row>57</xdr:row>
      <xdr:rowOff>116205</xdr:rowOff>
    </xdr:to>
    <xdr:cxnSp macro="">
      <xdr:nvCxnSpPr>
        <xdr:cNvPr id="180" name="直線コネクタ 179"/>
        <xdr:cNvCxnSpPr/>
      </xdr:nvCxnSpPr>
      <xdr:spPr>
        <a:xfrm flipV="1">
          <a:off x="2908300" y="988123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63500</xdr:rowOff>
    </xdr:from>
    <xdr:to>
      <xdr:col>10</xdr:col>
      <xdr:colOff>165100</xdr:colOff>
      <xdr:row>57</xdr:row>
      <xdr:rowOff>165100</xdr:rowOff>
    </xdr:to>
    <xdr:sp macro="" textlink="">
      <xdr:nvSpPr>
        <xdr:cNvPr id="181" name="楕円 180"/>
        <xdr:cNvSpPr/>
      </xdr:nvSpPr>
      <xdr:spPr>
        <a:xfrm>
          <a:off x="1968500" y="983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14300</xdr:rowOff>
    </xdr:from>
    <xdr:to>
      <xdr:col>15</xdr:col>
      <xdr:colOff>50800</xdr:colOff>
      <xdr:row>57</xdr:row>
      <xdr:rowOff>116205</xdr:rowOff>
    </xdr:to>
    <xdr:cxnSp macro="">
      <xdr:nvCxnSpPr>
        <xdr:cNvPr id="182" name="直線コネクタ 181"/>
        <xdr:cNvCxnSpPr/>
      </xdr:nvCxnSpPr>
      <xdr:spPr>
        <a:xfrm>
          <a:off x="2019300" y="9886950"/>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59072</xdr:rowOff>
    </xdr:from>
    <xdr:ext cx="405111" cy="259045"/>
    <xdr:sp macro="" textlink="">
      <xdr:nvSpPr>
        <xdr:cNvPr id="183" name="n_1aveValue【橋りょう・トンネル】&#10;有形固定資産減価償却率"/>
        <xdr:cNvSpPr txBox="1"/>
      </xdr:nvSpPr>
      <xdr:spPr>
        <a:xfrm>
          <a:off x="3582044" y="10003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89552</xdr:rowOff>
    </xdr:from>
    <xdr:ext cx="405111" cy="259045"/>
    <xdr:sp macro="" textlink="">
      <xdr:nvSpPr>
        <xdr:cNvPr id="184" name="n_2aveValue【橋りょう・トンネル】&#10;有形固定資産減価償却率"/>
        <xdr:cNvSpPr txBox="1"/>
      </xdr:nvSpPr>
      <xdr:spPr>
        <a:xfrm>
          <a:off x="2705744" y="10033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87647</xdr:rowOff>
    </xdr:from>
    <xdr:ext cx="405111" cy="259045"/>
    <xdr:sp macro="" textlink="">
      <xdr:nvSpPr>
        <xdr:cNvPr id="185" name="n_3aveValue【橋りょう・トンネル】&#10;有形固定資産減価償却率"/>
        <xdr:cNvSpPr txBox="1"/>
      </xdr:nvSpPr>
      <xdr:spPr>
        <a:xfrm>
          <a:off x="1816744" y="10031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4462</xdr:rowOff>
    </xdr:from>
    <xdr:ext cx="405111" cy="259045"/>
    <xdr:sp macro="" textlink="">
      <xdr:nvSpPr>
        <xdr:cNvPr id="186" name="n_1mainValue【橋りょう・トンネル】&#10;有形固定資産減価償却率"/>
        <xdr:cNvSpPr txBox="1"/>
      </xdr:nvSpPr>
      <xdr:spPr>
        <a:xfrm>
          <a:off x="3582044" y="9605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2082</xdr:rowOff>
    </xdr:from>
    <xdr:ext cx="405111" cy="259045"/>
    <xdr:sp macro="" textlink="">
      <xdr:nvSpPr>
        <xdr:cNvPr id="187" name="n_2mainValue【橋りょう・トンネル】&#10;有形固定資産減価償却率"/>
        <xdr:cNvSpPr txBox="1"/>
      </xdr:nvSpPr>
      <xdr:spPr>
        <a:xfrm>
          <a:off x="2705744" y="9613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0177</xdr:rowOff>
    </xdr:from>
    <xdr:ext cx="405111" cy="259045"/>
    <xdr:sp macro="" textlink="">
      <xdr:nvSpPr>
        <xdr:cNvPr id="188" name="n_3mainValue【橋りょう・トンネル】&#10;有形固定資産減価償却率"/>
        <xdr:cNvSpPr txBox="1"/>
      </xdr:nvSpPr>
      <xdr:spPr>
        <a:xfrm>
          <a:off x="1816744" y="9611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9" name="正方形/長方形 18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0" name="正方形/長方形 18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1" name="正方形/長方形 19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2" name="正方形/長方形 19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3" name="正方形/長方形 19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4" name="正方形/長方形 19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5" name="正方形/長方形 19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6" name="正方形/長方形 19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7" name="テキスト ボックス 19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8" name="直線コネクタ 19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9" name="直線コネクタ 198"/>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00" name="テキスト ボックス 199"/>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1" name="直線コネクタ 200"/>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02" name="テキスト ボックス 201"/>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3" name="直線コネクタ 202"/>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4" name="テキスト ボックス 203"/>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5" name="直線コネクタ 204"/>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06" name="テキスト ボックス 205"/>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7" name="直線コネクタ 206"/>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08" name="テキスト ボックス 207"/>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9" name="直線コネクタ 208"/>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10" name="テキスト ボックス 209"/>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1"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15569</xdr:rowOff>
    </xdr:from>
    <xdr:to>
      <xdr:col>54</xdr:col>
      <xdr:colOff>189865</xdr:colOff>
      <xdr:row>64</xdr:row>
      <xdr:rowOff>30640</xdr:rowOff>
    </xdr:to>
    <xdr:cxnSp macro="">
      <xdr:nvCxnSpPr>
        <xdr:cNvPr id="212" name="直線コネクタ 211"/>
        <xdr:cNvCxnSpPr/>
      </xdr:nvCxnSpPr>
      <xdr:spPr>
        <a:xfrm flipV="1">
          <a:off x="10476865" y="9716769"/>
          <a:ext cx="0" cy="12866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4467</xdr:rowOff>
    </xdr:from>
    <xdr:ext cx="534377" cy="259045"/>
    <xdr:sp macro="" textlink="">
      <xdr:nvSpPr>
        <xdr:cNvPr id="213" name="【橋りょう・トンネル】&#10;一人当たり有形固定資産（償却資産）額最小値テキスト"/>
        <xdr:cNvSpPr txBox="1"/>
      </xdr:nvSpPr>
      <xdr:spPr>
        <a:xfrm>
          <a:off x="10515600" y="11007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30640</xdr:rowOff>
    </xdr:from>
    <xdr:to>
      <xdr:col>55</xdr:col>
      <xdr:colOff>88900</xdr:colOff>
      <xdr:row>64</xdr:row>
      <xdr:rowOff>30640</xdr:rowOff>
    </xdr:to>
    <xdr:cxnSp macro="">
      <xdr:nvCxnSpPr>
        <xdr:cNvPr id="214" name="直線コネクタ 213"/>
        <xdr:cNvCxnSpPr/>
      </xdr:nvCxnSpPr>
      <xdr:spPr>
        <a:xfrm>
          <a:off x="10388600" y="11003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62246</xdr:rowOff>
    </xdr:from>
    <xdr:ext cx="599010" cy="259045"/>
    <xdr:sp macro="" textlink="">
      <xdr:nvSpPr>
        <xdr:cNvPr id="215" name="【橋りょう・トンネル】&#10;一人当たり有形固定資産（償却資産）額最大値テキスト"/>
        <xdr:cNvSpPr txBox="1"/>
      </xdr:nvSpPr>
      <xdr:spPr>
        <a:xfrm>
          <a:off x="10515600" y="9491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6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15569</xdr:rowOff>
    </xdr:from>
    <xdr:to>
      <xdr:col>55</xdr:col>
      <xdr:colOff>88900</xdr:colOff>
      <xdr:row>56</xdr:row>
      <xdr:rowOff>115569</xdr:rowOff>
    </xdr:to>
    <xdr:cxnSp macro="">
      <xdr:nvCxnSpPr>
        <xdr:cNvPr id="216" name="直線コネクタ 215"/>
        <xdr:cNvCxnSpPr/>
      </xdr:nvCxnSpPr>
      <xdr:spPr>
        <a:xfrm>
          <a:off x="10388600" y="9716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6795</xdr:rowOff>
    </xdr:from>
    <xdr:ext cx="599010" cy="259045"/>
    <xdr:sp macro="" textlink="">
      <xdr:nvSpPr>
        <xdr:cNvPr id="217" name="【橋りょう・トンネル】&#10;一人当たり有形固定資産（償却資産）額平均値テキスト"/>
        <xdr:cNvSpPr txBox="1"/>
      </xdr:nvSpPr>
      <xdr:spPr>
        <a:xfrm>
          <a:off x="10515600" y="1039379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3918</xdr:rowOff>
    </xdr:from>
    <xdr:to>
      <xdr:col>55</xdr:col>
      <xdr:colOff>50800</xdr:colOff>
      <xdr:row>62</xdr:row>
      <xdr:rowOff>14068</xdr:rowOff>
    </xdr:to>
    <xdr:sp macro="" textlink="">
      <xdr:nvSpPr>
        <xdr:cNvPr id="218" name="フローチャート: 判断 217"/>
        <xdr:cNvSpPr/>
      </xdr:nvSpPr>
      <xdr:spPr>
        <a:xfrm>
          <a:off x="10426700" y="10542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5452</xdr:rowOff>
    </xdr:from>
    <xdr:to>
      <xdr:col>50</xdr:col>
      <xdr:colOff>165100</xdr:colOff>
      <xdr:row>62</xdr:row>
      <xdr:rowOff>5602</xdr:rowOff>
    </xdr:to>
    <xdr:sp macro="" textlink="">
      <xdr:nvSpPr>
        <xdr:cNvPr id="219" name="フローチャート: 判断 218"/>
        <xdr:cNvSpPr/>
      </xdr:nvSpPr>
      <xdr:spPr>
        <a:xfrm>
          <a:off x="9588500" y="1053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66220</xdr:rowOff>
    </xdr:from>
    <xdr:to>
      <xdr:col>46</xdr:col>
      <xdr:colOff>38100</xdr:colOff>
      <xdr:row>61</xdr:row>
      <xdr:rowOff>167820</xdr:rowOff>
    </xdr:to>
    <xdr:sp macro="" textlink="">
      <xdr:nvSpPr>
        <xdr:cNvPr id="220" name="フローチャート: 判断 219"/>
        <xdr:cNvSpPr/>
      </xdr:nvSpPr>
      <xdr:spPr>
        <a:xfrm>
          <a:off x="8699500" y="10524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8846</xdr:rowOff>
    </xdr:from>
    <xdr:to>
      <xdr:col>41</xdr:col>
      <xdr:colOff>101600</xdr:colOff>
      <xdr:row>62</xdr:row>
      <xdr:rowOff>8996</xdr:rowOff>
    </xdr:to>
    <xdr:sp macro="" textlink="">
      <xdr:nvSpPr>
        <xdr:cNvPr id="221" name="フローチャート: 判断 220"/>
        <xdr:cNvSpPr/>
      </xdr:nvSpPr>
      <xdr:spPr>
        <a:xfrm>
          <a:off x="7810500" y="10537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2" name="テキスト ボックス 221"/>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3" name="テキスト ボックス 222"/>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4" name="テキスト ボックス 223"/>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5" name="テキスト ボックス 224"/>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6" name="テキスト ボックス 225"/>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93298</xdr:rowOff>
    </xdr:from>
    <xdr:to>
      <xdr:col>55</xdr:col>
      <xdr:colOff>50800</xdr:colOff>
      <xdr:row>63</xdr:row>
      <xdr:rowOff>23448</xdr:rowOff>
    </xdr:to>
    <xdr:sp macro="" textlink="">
      <xdr:nvSpPr>
        <xdr:cNvPr id="227" name="楕円 226"/>
        <xdr:cNvSpPr/>
      </xdr:nvSpPr>
      <xdr:spPr>
        <a:xfrm>
          <a:off x="10426700" y="10723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71725</xdr:rowOff>
    </xdr:from>
    <xdr:ext cx="534377" cy="259045"/>
    <xdr:sp macro="" textlink="">
      <xdr:nvSpPr>
        <xdr:cNvPr id="228" name="【橋りょう・トンネル】&#10;一人当たり有形固定資産（償却資産）額該当値テキスト"/>
        <xdr:cNvSpPr txBox="1"/>
      </xdr:nvSpPr>
      <xdr:spPr>
        <a:xfrm>
          <a:off x="10515600" y="10701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95976</xdr:rowOff>
    </xdr:from>
    <xdr:to>
      <xdr:col>50</xdr:col>
      <xdr:colOff>165100</xdr:colOff>
      <xdr:row>63</xdr:row>
      <xdr:rowOff>26126</xdr:rowOff>
    </xdr:to>
    <xdr:sp macro="" textlink="">
      <xdr:nvSpPr>
        <xdr:cNvPr id="229" name="楕円 228"/>
        <xdr:cNvSpPr/>
      </xdr:nvSpPr>
      <xdr:spPr>
        <a:xfrm>
          <a:off x="9588500" y="10725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44098</xdr:rowOff>
    </xdr:from>
    <xdr:to>
      <xdr:col>55</xdr:col>
      <xdr:colOff>0</xdr:colOff>
      <xdr:row>62</xdr:row>
      <xdr:rowOff>146776</xdr:rowOff>
    </xdr:to>
    <xdr:cxnSp macro="">
      <xdr:nvCxnSpPr>
        <xdr:cNvPr id="230" name="直線コネクタ 229"/>
        <xdr:cNvCxnSpPr/>
      </xdr:nvCxnSpPr>
      <xdr:spPr>
        <a:xfrm flipV="1">
          <a:off x="9639300" y="10773998"/>
          <a:ext cx="838200" cy="2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99143</xdr:rowOff>
    </xdr:from>
    <xdr:to>
      <xdr:col>46</xdr:col>
      <xdr:colOff>38100</xdr:colOff>
      <xdr:row>63</xdr:row>
      <xdr:rowOff>29293</xdr:rowOff>
    </xdr:to>
    <xdr:sp macro="" textlink="">
      <xdr:nvSpPr>
        <xdr:cNvPr id="231" name="楕円 230"/>
        <xdr:cNvSpPr/>
      </xdr:nvSpPr>
      <xdr:spPr>
        <a:xfrm>
          <a:off x="8699500" y="1072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46776</xdr:rowOff>
    </xdr:from>
    <xdr:to>
      <xdr:col>50</xdr:col>
      <xdr:colOff>114300</xdr:colOff>
      <xdr:row>62</xdr:row>
      <xdr:rowOff>149943</xdr:rowOff>
    </xdr:to>
    <xdr:cxnSp macro="">
      <xdr:nvCxnSpPr>
        <xdr:cNvPr id="232" name="直線コネクタ 231"/>
        <xdr:cNvCxnSpPr/>
      </xdr:nvCxnSpPr>
      <xdr:spPr>
        <a:xfrm flipV="1">
          <a:off x="8750300" y="10776676"/>
          <a:ext cx="889000" cy="3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11014</xdr:rowOff>
    </xdr:from>
    <xdr:to>
      <xdr:col>41</xdr:col>
      <xdr:colOff>101600</xdr:colOff>
      <xdr:row>63</xdr:row>
      <xdr:rowOff>41164</xdr:rowOff>
    </xdr:to>
    <xdr:sp macro="" textlink="">
      <xdr:nvSpPr>
        <xdr:cNvPr id="233" name="楕円 232"/>
        <xdr:cNvSpPr/>
      </xdr:nvSpPr>
      <xdr:spPr>
        <a:xfrm>
          <a:off x="7810500" y="10740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49943</xdr:rowOff>
    </xdr:from>
    <xdr:to>
      <xdr:col>45</xdr:col>
      <xdr:colOff>177800</xdr:colOff>
      <xdr:row>62</xdr:row>
      <xdr:rowOff>161814</xdr:rowOff>
    </xdr:to>
    <xdr:cxnSp macro="">
      <xdr:nvCxnSpPr>
        <xdr:cNvPr id="234" name="直線コネクタ 233"/>
        <xdr:cNvCxnSpPr/>
      </xdr:nvCxnSpPr>
      <xdr:spPr>
        <a:xfrm flipV="1">
          <a:off x="7861300" y="10779843"/>
          <a:ext cx="889000" cy="118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22129</xdr:rowOff>
    </xdr:from>
    <xdr:ext cx="599010" cy="259045"/>
    <xdr:sp macro="" textlink="">
      <xdr:nvSpPr>
        <xdr:cNvPr id="235" name="n_1aveValue【橋りょう・トンネル】&#10;一人当たり有形固定資産（償却資産）額"/>
        <xdr:cNvSpPr txBox="1"/>
      </xdr:nvSpPr>
      <xdr:spPr>
        <a:xfrm>
          <a:off x="9327095" y="10309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2897</xdr:rowOff>
    </xdr:from>
    <xdr:ext cx="599010" cy="259045"/>
    <xdr:sp macro="" textlink="">
      <xdr:nvSpPr>
        <xdr:cNvPr id="236" name="n_2aveValue【橋りょう・トンネル】&#10;一人当たり有形固定資産（償却資産）額"/>
        <xdr:cNvSpPr txBox="1"/>
      </xdr:nvSpPr>
      <xdr:spPr>
        <a:xfrm>
          <a:off x="8450795" y="10299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2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25523</xdr:rowOff>
    </xdr:from>
    <xdr:ext cx="599010" cy="259045"/>
    <xdr:sp macro="" textlink="">
      <xdr:nvSpPr>
        <xdr:cNvPr id="237" name="n_3aveValue【橋りょう・トンネル】&#10;一人当たり有形固定資産（償却資産）額"/>
        <xdr:cNvSpPr txBox="1"/>
      </xdr:nvSpPr>
      <xdr:spPr>
        <a:xfrm>
          <a:off x="7561795" y="103125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17253</xdr:rowOff>
    </xdr:from>
    <xdr:ext cx="534377" cy="259045"/>
    <xdr:sp macro="" textlink="">
      <xdr:nvSpPr>
        <xdr:cNvPr id="238" name="n_1mainValue【橋りょう・トンネル】&#10;一人当たり有形固定資産（償却資産）額"/>
        <xdr:cNvSpPr txBox="1"/>
      </xdr:nvSpPr>
      <xdr:spPr>
        <a:xfrm>
          <a:off x="9359411" y="10818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20420</xdr:rowOff>
    </xdr:from>
    <xdr:ext cx="534377" cy="259045"/>
    <xdr:sp macro="" textlink="">
      <xdr:nvSpPr>
        <xdr:cNvPr id="239" name="n_2mainValue【橋りょう・トンネル】&#10;一人当たり有形固定資産（償却資産）額"/>
        <xdr:cNvSpPr txBox="1"/>
      </xdr:nvSpPr>
      <xdr:spPr>
        <a:xfrm>
          <a:off x="8483111" y="1082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32291</xdr:rowOff>
    </xdr:from>
    <xdr:ext cx="534377" cy="259045"/>
    <xdr:sp macro="" textlink="">
      <xdr:nvSpPr>
        <xdr:cNvPr id="240" name="n_3mainValue【橋りょう・トンネル】&#10;一人当たり有形固定資産（償却資産）額"/>
        <xdr:cNvSpPr txBox="1"/>
      </xdr:nvSpPr>
      <xdr:spPr>
        <a:xfrm>
          <a:off x="7594111" y="10833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1" name="正方形/長方形 24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2" name="正方形/長方形 24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3" name="正方形/長方形 24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4" name="正方形/長方形 24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5" name="正方形/長方形 24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6" name="正方形/長方形 24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7" name="正方形/長方形 24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8" name="正方形/長方形 24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9" name="テキスト ボックス 24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0" name="直線コネクタ 24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51" name="テキスト ボックス 250"/>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2" name="直線コネクタ 251"/>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3" name="テキスト ボックス 252"/>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4" name="直線コネクタ 253"/>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5" name="テキスト ボックス 254"/>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6" name="直線コネクタ 255"/>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7" name="テキスト ボックス 256"/>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8" name="直線コネクタ 257"/>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9" name="テキスト ボックス 258"/>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0" name="直線コネクタ 259"/>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61" name="テキスト ボックス 260"/>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2" name="直線コネクタ 261"/>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63" name="テキスト ボックス 262"/>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4"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0961</xdr:rowOff>
    </xdr:from>
    <xdr:to>
      <xdr:col>24</xdr:col>
      <xdr:colOff>62865</xdr:colOff>
      <xdr:row>86</xdr:row>
      <xdr:rowOff>99061</xdr:rowOff>
    </xdr:to>
    <xdr:cxnSp macro="">
      <xdr:nvCxnSpPr>
        <xdr:cNvPr id="265" name="直線コネクタ 264"/>
        <xdr:cNvCxnSpPr/>
      </xdr:nvCxnSpPr>
      <xdr:spPr>
        <a:xfrm flipV="1">
          <a:off x="4634865" y="13434061"/>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02888</xdr:rowOff>
    </xdr:from>
    <xdr:ext cx="405111" cy="259045"/>
    <xdr:sp macro="" textlink="">
      <xdr:nvSpPr>
        <xdr:cNvPr id="266" name="【公営住宅】&#10;有形固定資産減価償却率最小値テキスト"/>
        <xdr:cNvSpPr txBox="1"/>
      </xdr:nvSpPr>
      <xdr:spPr>
        <a:xfrm>
          <a:off x="4673600" y="14847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99061</xdr:rowOff>
    </xdr:from>
    <xdr:to>
      <xdr:col>24</xdr:col>
      <xdr:colOff>152400</xdr:colOff>
      <xdr:row>86</xdr:row>
      <xdr:rowOff>99061</xdr:rowOff>
    </xdr:to>
    <xdr:cxnSp macro="">
      <xdr:nvCxnSpPr>
        <xdr:cNvPr id="267" name="直線コネクタ 266"/>
        <xdr:cNvCxnSpPr/>
      </xdr:nvCxnSpPr>
      <xdr:spPr>
        <a:xfrm>
          <a:off x="4546600" y="14843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7638</xdr:rowOff>
    </xdr:from>
    <xdr:ext cx="405111" cy="259045"/>
    <xdr:sp macro="" textlink="">
      <xdr:nvSpPr>
        <xdr:cNvPr id="268" name="【公営住宅】&#10;有形固定資産減価償却率最大値テキスト"/>
        <xdr:cNvSpPr txBox="1"/>
      </xdr:nvSpPr>
      <xdr:spPr>
        <a:xfrm>
          <a:off x="4673600" y="13209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0961</xdr:rowOff>
    </xdr:from>
    <xdr:to>
      <xdr:col>24</xdr:col>
      <xdr:colOff>152400</xdr:colOff>
      <xdr:row>78</xdr:row>
      <xdr:rowOff>60961</xdr:rowOff>
    </xdr:to>
    <xdr:cxnSp macro="">
      <xdr:nvCxnSpPr>
        <xdr:cNvPr id="269" name="直線コネクタ 268"/>
        <xdr:cNvCxnSpPr/>
      </xdr:nvCxnSpPr>
      <xdr:spPr>
        <a:xfrm>
          <a:off x="4546600" y="1343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44466</xdr:rowOff>
    </xdr:from>
    <xdr:ext cx="405111" cy="259045"/>
    <xdr:sp macro="" textlink="">
      <xdr:nvSpPr>
        <xdr:cNvPr id="270" name="【公営住宅】&#10;有形固定資産減価償却率平均値テキスト"/>
        <xdr:cNvSpPr txBox="1"/>
      </xdr:nvSpPr>
      <xdr:spPr>
        <a:xfrm>
          <a:off x="4673600" y="137604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21589</xdr:rowOff>
    </xdr:from>
    <xdr:to>
      <xdr:col>24</xdr:col>
      <xdr:colOff>114300</xdr:colOff>
      <xdr:row>81</xdr:row>
      <xdr:rowOff>123189</xdr:rowOff>
    </xdr:to>
    <xdr:sp macro="" textlink="">
      <xdr:nvSpPr>
        <xdr:cNvPr id="271" name="フローチャート: 判断 270"/>
        <xdr:cNvSpPr/>
      </xdr:nvSpPr>
      <xdr:spPr>
        <a:xfrm>
          <a:off x="4584700" y="13909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67311</xdr:rowOff>
    </xdr:from>
    <xdr:to>
      <xdr:col>20</xdr:col>
      <xdr:colOff>38100</xdr:colOff>
      <xdr:row>81</xdr:row>
      <xdr:rowOff>168911</xdr:rowOff>
    </xdr:to>
    <xdr:sp macro="" textlink="">
      <xdr:nvSpPr>
        <xdr:cNvPr id="272" name="フローチャート: 判断 271"/>
        <xdr:cNvSpPr/>
      </xdr:nvSpPr>
      <xdr:spPr>
        <a:xfrm>
          <a:off x="3746500" y="13954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47320</xdr:rowOff>
    </xdr:from>
    <xdr:to>
      <xdr:col>15</xdr:col>
      <xdr:colOff>101600</xdr:colOff>
      <xdr:row>82</xdr:row>
      <xdr:rowOff>77470</xdr:rowOff>
    </xdr:to>
    <xdr:sp macro="" textlink="">
      <xdr:nvSpPr>
        <xdr:cNvPr id="273" name="フローチャート: 判断 272"/>
        <xdr:cNvSpPr/>
      </xdr:nvSpPr>
      <xdr:spPr>
        <a:xfrm>
          <a:off x="2857500" y="1403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55880</xdr:rowOff>
    </xdr:from>
    <xdr:to>
      <xdr:col>10</xdr:col>
      <xdr:colOff>165100</xdr:colOff>
      <xdr:row>82</xdr:row>
      <xdr:rowOff>157480</xdr:rowOff>
    </xdr:to>
    <xdr:sp macro="" textlink="">
      <xdr:nvSpPr>
        <xdr:cNvPr id="274" name="フローチャート: 判断 273"/>
        <xdr:cNvSpPr/>
      </xdr:nvSpPr>
      <xdr:spPr>
        <a:xfrm>
          <a:off x="19685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5" name="テキスト ボックス 274"/>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6" name="テキスト ボックス 275"/>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7" name="テキスト ボックス 276"/>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8" name="テキスト ボックス 277"/>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9" name="テキスト ボックス 278"/>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44450</xdr:rowOff>
    </xdr:from>
    <xdr:to>
      <xdr:col>24</xdr:col>
      <xdr:colOff>114300</xdr:colOff>
      <xdr:row>81</xdr:row>
      <xdr:rowOff>146050</xdr:rowOff>
    </xdr:to>
    <xdr:sp macro="" textlink="">
      <xdr:nvSpPr>
        <xdr:cNvPr id="280" name="楕円 279"/>
        <xdr:cNvSpPr/>
      </xdr:nvSpPr>
      <xdr:spPr>
        <a:xfrm>
          <a:off x="4584700" y="1393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22877</xdr:rowOff>
    </xdr:from>
    <xdr:ext cx="405111" cy="259045"/>
    <xdr:sp macro="" textlink="">
      <xdr:nvSpPr>
        <xdr:cNvPr id="281" name="【公営住宅】&#10;有形固定資産減価償却率該当値テキスト"/>
        <xdr:cNvSpPr txBox="1"/>
      </xdr:nvSpPr>
      <xdr:spPr>
        <a:xfrm>
          <a:off x="4673600" y="13910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82550</xdr:rowOff>
    </xdr:from>
    <xdr:to>
      <xdr:col>20</xdr:col>
      <xdr:colOff>38100</xdr:colOff>
      <xdr:row>82</xdr:row>
      <xdr:rowOff>12700</xdr:rowOff>
    </xdr:to>
    <xdr:sp macro="" textlink="">
      <xdr:nvSpPr>
        <xdr:cNvPr id="282" name="楕円 281"/>
        <xdr:cNvSpPr/>
      </xdr:nvSpPr>
      <xdr:spPr>
        <a:xfrm>
          <a:off x="3746500" y="1397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95250</xdr:rowOff>
    </xdr:from>
    <xdr:to>
      <xdr:col>24</xdr:col>
      <xdr:colOff>63500</xdr:colOff>
      <xdr:row>81</xdr:row>
      <xdr:rowOff>133350</xdr:rowOff>
    </xdr:to>
    <xdr:cxnSp macro="">
      <xdr:nvCxnSpPr>
        <xdr:cNvPr id="283" name="直線コネクタ 282"/>
        <xdr:cNvCxnSpPr/>
      </xdr:nvCxnSpPr>
      <xdr:spPr>
        <a:xfrm flipV="1">
          <a:off x="3797300" y="139827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05411</xdr:rowOff>
    </xdr:from>
    <xdr:to>
      <xdr:col>15</xdr:col>
      <xdr:colOff>101600</xdr:colOff>
      <xdr:row>82</xdr:row>
      <xdr:rowOff>35561</xdr:rowOff>
    </xdr:to>
    <xdr:sp macro="" textlink="">
      <xdr:nvSpPr>
        <xdr:cNvPr id="284" name="楕円 283"/>
        <xdr:cNvSpPr/>
      </xdr:nvSpPr>
      <xdr:spPr>
        <a:xfrm>
          <a:off x="2857500" y="13992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33350</xdr:rowOff>
    </xdr:from>
    <xdr:to>
      <xdr:col>19</xdr:col>
      <xdr:colOff>177800</xdr:colOff>
      <xdr:row>81</xdr:row>
      <xdr:rowOff>156211</xdr:rowOff>
    </xdr:to>
    <xdr:cxnSp macro="">
      <xdr:nvCxnSpPr>
        <xdr:cNvPr id="285" name="直線コネクタ 284"/>
        <xdr:cNvCxnSpPr/>
      </xdr:nvCxnSpPr>
      <xdr:spPr>
        <a:xfrm flipV="1">
          <a:off x="2908300" y="14020800"/>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43511</xdr:rowOff>
    </xdr:from>
    <xdr:to>
      <xdr:col>10</xdr:col>
      <xdr:colOff>165100</xdr:colOff>
      <xdr:row>82</xdr:row>
      <xdr:rowOff>73661</xdr:rowOff>
    </xdr:to>
    <xdr:sp macro="" textlink="">
      <xdr:nvSpPr>
        <xdr:cNvPr id="286" name="楕円 285"/>
        <xdr:cNvSpPr/>
      </xdr:nvSpPr>
      <xdr:spPr>
        <a:xfrm>
          <a:off x="1968500" y="14030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56211</xdr:rowOff>
    </xdr:from>
    <xdr:to>
      <xdr:col>15</xdr:col>
      <xdr:colOff>50800</xdr:colOff>
      <xdr:row>82</xdr:row>
      <xdr:rowOff>22861</xdr:rowOff>
    </xdr:to>
    <xdr:cxnSp macro="">
      <xdr:nvCxnSpPr>
        <xdr:cNvPr id="287" name="直線コネクタ 286"/>
        <xdr:cNvCxnSpPr/>
      </xdr:nvCxnSpPr>
      <xdr:spPr>
        <a:xfrm flipV="1">
          <a:off x="2019300" y="14043661"/>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13988</xdr:rowOff>
    </xdr:from>
    <xdr:ext cx="405111" cy="259045"/>
    <xdr:sp macro="" textlink="">
      <xdr:nvSpPr>
        <xdr:cNvPr id="288" name="n_1aveValue【公営住宅】&#10;有形固定資産減価償却率"/>
        <xdr:cNvSpPr txBox="1"/>
      </xdr:nvSpPr>
      <xdr:spPr>
        <a:xfrm>
          <a:off x="3582044" y="13729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68597</xdr:rowOff>
    </xdr:from>
    <xdr:ext cx="405111" cy="259045"/>
    <xdr:sp macro="" textlink="">
      <xdr:nvSpPr>
        <xdr:cNvPr id="289" name="n_2aveValue【公営住宅】&#10;有形固定資産減価償却率"/>
        <xdr:cNvSpPr txBox="1"/>
      </xdr:nvSpPr>
      <xdr:spPr>
        <a:xfrm>
          <a:off x="2705744" y="1412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48607</xdr:rowOff>
    </xdr:from>
    <xdr:ext cx="405111" cy="259045"/>
    <xdr:sp macro="" textlink="">
      <xdr:nvSpPr>
        <xdr:cNvPr id="290" name="n_3aveValue【公営住宅】&#10;有形固定資産減価償却率"/>
        <xdr:cNvSpPr txBox="1"/>
      </xdr:nvSpPr>
      <xdr:spPr>
        <a:xfrm>
          <a:off x="1816744" y="1420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3827</xdr:rowOff>
    </xdr:from>
    <xdr:ext cx="405111" cy="259045"/>
    <xdr:sp macro="" textlink="">
      <xdr:nvSpPr>
        <xdr:cNvPr id="291" name="n_1mainValue【公営住宅】&#10;有形固定資産減価償却率"/>
        <xdr:cNvSpPr txBox="1"/>
      </xdr:nvSpPr>
      <xdr:spPr>
        <a:xfrm>
          <a:off x="3582044" y="14062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52088</xdr:rowOff>
    </xdr:from>
    <xdr:ext cx="405111" cy="259045"/>
    <xdr:sp macro="" textlink="">
      <xdr:nvSpPr>
        <xdr:cNvPr id="292" name="n_2mainValue【公営住宅】&#10;有形固定資産減価償却率"/>
        <xdr:cNvSpPr txBox="1"/>
      </xdr:nvSpPr>
      <xdr:spPr>
        <a:xfrm>
          <a:off x="2705744" y="1376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90188</xdr:rowOff>
    </xdr:from>
    <xdr:ext cx="405111" cy="259045"/>
    <xdr:sp macro="" textlink="">
      <xdr:nvSpPr>
        <xdr:cNvPr id="293" name="n_3mainValue【公営住宅】&#10;有形固定資産減価償却率"/>
        <xdr:cNvSpPr txBox="1"/>
      </xdr:nvSpPr>
      <xdr:spPr>
        <a:xfrm>
          <a:off x="1816744" y="13806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4" name="正方形/長方形 293"/>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5" name="正方形/長方形 294"/>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6" name="正方形/長方形 295"/>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7" name="正方形/長方形 296"/>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8" name="正方形/長方形 297"/>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9" name="正方形/長方形 298"/>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0" name="正方形/長方形 299"/>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1" name="正方形/長方形 300"/>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2" name="テキスト ボックス 301"/>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3" name="直線コネクタ 302"/>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04" name="直線コネクタ 303"/>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05" name="テキスト ボックス 304"/>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06" name="直線コネクタ 305"/>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07" name="テキスト ボックス 306"/>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08" name="直線コネクタ 307"/>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09" name="テキスト ボックス 308"/>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10" name="直線コネクタ 309"/>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11" name="テキスト ボックス 310"/>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2" name="直線コネクタ 31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3" name="テキスト ボックス 31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4"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20726</xdr:rowOff>
    </xdr:from>
    <xdr:to>
      <xdr:col>54</xdr:col>
      <xdr:colOff>189865</xdr:colOff>
      <xdr:row>85</xdr:row>
      <xdr:rowOff>157886</xdr:rowOff>
    </xdr:to>
    <xdr:cxnSp macro="">
      <xdr:nvCxnSpPr>
        <xdr:cNvPr id="315" name="直線コネクタ 314"/>
        <xdr:cNvCxnSpPr/>
      </xdr:nvCxnSpPr>
      <xdr:spPr>
        <a:xfrm flipV="1">
          <a:off x="10476865" y="13565276"/>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61713</xdr:rowOff>
    </xdr:from>
    <xdr:ext cx="469744" cy="259045"/>
    <xdr:sp macro="" textlink="">
      <xdr:nvSpPr>
        <xdr:cNvPr id="316" name="【公営住宅】&#10;一人当たり面積最小値テキスト"/>
        <xdr:cNvSpPr txBox="1"/>
      </xdr:nvSpPr>
      <xdr:spPr>
        <a:xfrm>
          <a:off x="10515600" y="14734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57886</xdr:rowOff>
    </xdr:from>
    <xdr:to>
      <xdr:col>55</xdr:col>
      <xdr:colOff>88900</xdr:colOff>
      <xdr:row>85</xdr:row>
      <xdr:rowOff>157886</xdr:rowOff>
    </xdr:to>
    <xdr:cxnSp macro="">
      <xdr:nvCxnSpPr>
        <xdr:cNvPr id="317" name="直線コネクタ 316"/>
        <xdr:cNvCxnSpPr/>
      </xdr:nvCxnSpPr>
      <xdr:spPr>
        <a:xfrm>
          <a:off x="10388600" y="14731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38853</xdr:rowOff>
    </xdr:from>
    <xdr:ext cx="469744" cy="259045"/>
    <xdr:sp macro="" textlink="">
      <xdr:nvSpPr>
        <xdr:cNvPr id="318" name="【公営住宅】&#10;一人当たり面積最大値テキスト"/>
        <xdr:cNvSpPr txBox="1"/>
      </xdr:nvSpPr>
      <xdr:spPr>
        <a:xfrm>
          <a:off x="10515600" y="13340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0726</xdr:rowOff>
    </xdr:from>
    <xdr:to>
      <xdr:col>55</xdr:col>
      <xdr:colOff>88900</xdr:colOff>
      <xdr:row>79</xdr:row>
      <xdr:rowOff>20726</xdr:rowOff>
    </xdr:to>
    <xdr:cxnSp macro="">
      <xdr:nvCxnSpPr>
        <xdr:cNvPr id="319" name="直線コネクタ 318"/>
        <xdr:cNvCxnSpPr/>
      </xdr:nvCxnSpPr>
      <xdr:spPr>
        <a:xfrm>
          <a:off x="10388600" y="13565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1053</xdr:rowOff>
    </xdr:from>
    <xdr:ext cx="469744" cy="259045"/>
    <xdr:sp macro="" textlink="">
      <xdr:nvSpPr>
        <xdr:cNvPr id="320" name="【公営住宅】&#10;一人当たり面積平均値テキスト"/>
        <xdr:cNvSpPr txBox="1"/>
      </xdr:nvSpPr>
      <xdr:spPr>
        <a:xfrm>
          <a:off x="10515600" y="140485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8176</xdr:rowOff>
    </xdr:from>
    <xdr:to>
      <xdr:col>55</xdr:col>
      <xdr:colOff>50800</xdr:colOff>
      <xdr:row>83</xdr:row>
      <xdr:rowOff>68326</xdr:rowOff>
    </xdr:to>
    <xdr:sp macro="" textlink="">
      <xdr:nvSpPr>
        <xdr:cNvPr id="321" name="フローチャート: 判断 320"/>
        <xdr:cNvSpPr/>
      </xdr:nvSpPr>
      <xdr:spPr>
        <a:xfrm>
          <a:off x="10426700" y="14197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46862</xdr:rowOff>
    </xdr:from>
    <xdr:to>
      <xdr:col>50</xdr:col>
      <xdr:colOff>165100</xdr:colOff>
      <xdr:row>83</xdr:row>
      <xdr:rowOff>77012</xdr:rowOff>
    </xdr:to>
    <xdr:sp macro="" textlink="">
      <xdr:nvSpPr>
        <xdr:cNvPr id="322" name="フローチャート: 判断 321"/>
        <xdr:cNvSpPr/>
      </xdr:nvSpPr>
      <xdr:spPr>
        <a:xfrm>
          <a:off x="9588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46862</xdr:rowOff>
    </xdr:from>
    <xdr:to>
      <xdr:col>46</xdr:col>
      <xdr:colOff>38100</xdr:colOff>
      <xdr:row>83</xdr:row>
      <xdr:rowOff>77012</xdr:rowOff>
    </xdr:to>
    <xdr:sp macro="" textlink="">
      <xdr:nvSpPr>
        <xdr:cNvPr id="323" name="フローチャート: 判断 322"/>
        <xdr:cNvSpPr/>
      </xdr:nvSpPr>
      <xdr:spPr>
        <a:xfrm>
          <a:off x="8699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71425</xdr:rowOff>
    </xdr:from>
    <xdr:to>
      <xdr:col>41</xdr:col>
      <xdr:colOff>101600</xdr:colOff>
      <xdr:row>83</xdr:row>
      <xdr:rowOff>1575</xdr:rowOff>
    </xdr:to>
    <xdr:sp macro="" textlink="">
      <xdr:nvSpPr>
        <xdr:cNvPr id="324" name="フローチャート: 判断 323"/>
        <xdr:cNvSpPr/>
      </xdr:nvSpPr>
      <xdr:spPr>
        <a:xfrm>
          <a:off x="7810500" y="14130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5" name="テキスト ボックス 324"/>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6" name="テキスト ボックス 325"/>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7" name="テキスト ボックス 326"/>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8" name="テキスト ボックス 327"/>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9" name="テキスト ボックス 328"/>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57835</xdr:rowOff>
    </xdr:from>
    <xdr:to>
      <xdr:col>55</xdr:col>
      <xdr:colOff>50800</xdr:colOff>
      <xdr:row>84</xdr:row>
      <xdr:rowOff>87985</xdr:rowOff>
    </xdr:to>
    <xdr:sp macro="" textlink="">
      <xdr:nvSpPr>
        <xdr:cNvPr id="330" name="楕円 329"/>
        <xdr:cNvSpPr/>
      </xdr:nvSpPr>
      <xdr:spPr>
        <a:xfrm>
          <a:off x="10426700" y="1438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36262</xdr:rowOff>
    </xdr:from>
    <xdr:ext cx="469744" cy="259045"/>
    <xdr:sp macro="" textlink="">
      <xdr:nvSpPr>
        <xdr:cNvPr id="331" name="【公営住宅】&#10;一人当たり面積該当値テキスト"/>
        <xdr:cNvSpPr txBox="1"/>
      </xdr:nvSpPr>
      <xdr:spPr>
        <a:xfrm>
          <a:off x="10515600" y="14366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57835</xdr:rowOff>
    </xdr:from>
    <xdr:to>
      <xdr:col>50</xdr:col>
      <xdr:colOff>165100</xdr:colOff>
      <xdr:row>84</xdr:row>
      <xdr:rowOff>87985</xdr:rowOff>
    </xdr:to>
    <xdr:sp macro="" textlink="">
      <xdr:nvSpPr>
        <xdr:cNvPr id="332" name="楕円 331"/>
        <xdr:cNvSpPr/>
      </xdr:nvSpPr>
      <xdr:spPr>
        <a:xfrm>
          <a:off x="9588500" y="1438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37185</xdr:rowOff>
    </xdr:from>
    <xdr:to>
      <xdr:col>55</xdr:col>
      <xdr:colOff>0</xdr:colOff>
      <xdr:row>84</xdr:row>
      <xdr:rowOff>37185</xdr:rowOff>
    </xdr:to>
    <xdr:cxnSp macro="">
      <xdr:nvCxnSpPr>
        <xdr:cNvPr id="333" name="直線コネクタ 332"/>
        <xdr:cNvCxnSpPr/>
      </xdr:nvCxnSpPr>
      <xdr:spPr>
        <a:xfrm>
          <a:off x="9639300" y="1443898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56463</xdr:rowOff>
    </xdr:from>
    <xdr:to>
      <xdr:col>46</xdr:col>
      <xdr:colOff>38100</xdr:colOff>
      <xdr:row>84</xdr:row>
      <xdr:rowOff>86613</xdr:rowOff>
    </xdr:to>
    <xdr:sp macro="" textlink="">
      <xdr:nvSpPr>
        <xdr:cNvPr id="334" name="楕円 333"/>
        <xdr:cNvSpPr/>
      </xdr:nvSpPr>
      <xdr:spPr>
        <a:xfrm>
          <a:off x="8699500" y="14386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35813</xdr:rowOff>
    </xdr:from>
    <xdr:to>
      <xdr:col>50</xdr:col>
      <xdr:colOff>114300</xdr:colOff>
      <xdr:row>84</xdr:row>
      <xdr:rowOff>37185</xdr:rowOff>
    </xdr:to>
    <xdr:cxnSp macro="">
      <xdr:nvCxnSpPr>
        <xdr:cNvPr id="335" name="直線コネクタ 334"/>
        <xdr:cNvCxnSpPr/>
      </xdr:nvCxnSpPr>
      <xdr:spPr>
        <a:xfrm>
          <a:off x="8750300" y="14437613"/>
          <a:ext cx="8890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49606</xdr:rowOff>
    </xdr:from>
    <xdr:to>
      <xdr:col>41</xdr:col>
      <xdr:colOff>101600</xdr:colOff>
      <xdr:row>84</xdr:row>
      <xdr:rowOff>79756</xdr:rowOff>
    </xdr:to>
    <xdr:sp macro="" textlink="">
      <xdr:nvSpPr>
        <xdr:cNvPr id="336" name="楕円 335"/>
        <xdr:cNvSpPr/>
      </xdr:nvSpPr>
      <xdr:spPr>
        <a:xfrm>
          <a:off x="7810500" y="1437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28956</xdr:rowOff>
    </xdr:from>
    <xdr:to>
      <xdr:col>45</xdr:col>
      <xdr:colOff>177800</xdr:colOff>
      <xdr:row>84</xdr:row>
      <xdr:rowOff>35813</xdr:rowOff>
    </xdr:to>
    <xdr:cxnSp macro="">
      <xdr:nvCxnSpPr>
        <xdr:cNvPr id="337" name="直線コネクタ 336"/>
        <xdr:cNvCxnSpPr/>
      </xdr:nvCxnSpPr>
      <xdr:spPr>
        <a:xfrm>
          <a:off x="7861300" y="14430756"/>
          <a:ext cx="889000" cy="6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93539</xdr:rowOff>
    </xdr:from>
    <xdr:ext cx="469744" cy="259045"/>
    <xdr:sp macro="" textlink="">
      <xdr:nvSpPr>
        <xdr:cNvPr id="338" name="n_1aveValue【公営住宅】&#10;一人当たり面積"/>
        <xdr:cNvSpPr txBox="1"/>
      </xdr:nvSpPr>
      <xdr:spPr>
        <a:xfrm>
          <a:off x="93917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93539</xdr:rowOff>
    </xdr:from>
    <xdr:ext cx="469744" cy="259045"/>
    <xdr:sp macro="" textlink="">
      <xdr:nvSpPr>
        <xdr:cNvPr id="339" name="n_2aveValue【公営住宅】&#10;一人当たり面積"/>
        <xdr:cNvSpPr txBox="1"/>
      </xdr:nvSpPr>
      <xdr:spPr>
        <a:xfrm>
          <a:off x="8515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8102</xdr:rowOff>
    </xdr:from>
    <xdr:ext cx="469744" cy="259045"/>
    <xdr:sp macro="" textlink="">
      <xdr:nvSpPr>
        <xdr:cNvPr id="340" name="n_3aveValue【公営住宅】&#10;一人当たり面積"/>
        <xdr:cNvSpPr txBox="1"/>
      </xdr:nvSpPr>
      <xdr:spPr>
        <a:xfrm>
          <a:off x="7626427" y="13905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79112</xdr:rowOff>
    </xdr:from>
    <xdr:ext cx="469744" cy="259045"/>
    <xdr:sp macro="" textlink="">
      <xdr:nvSpPr>
        <xdr:cNvPr id="341" name="n_1mainValue【公営住宅】&#10;一人当たり面積"/>
        <xdr:cNvSpPr txBox="1"/>
      </xdr:nvSpPr>
      <xdr:spPr>
        <a:xfrm>
          <a:off x="9391727" y="14480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77740</xdr:rowOff>
    </xdr:from>
    <xdr:ext cx="469744" cy="259045"/>
    <xdr:sp macro="" textlink="">
      <xdr:nvSpPr>
        <xdr:cNvPr id="342" name="n_2mainValue【公営住宅】&#10;一人当たり面積"/>
        <xdr:cNvSpPr txBox="1"/>
      </xdr:nvSpPr>
      <xdr:spPr>
        <a:xfrm>
          <a:off x="8515427" y="14479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70883</xdr:rowOff>
    </xdr:from>
    <xdr:ext cx="469744" cy="259045"/>
    <xdr:sp macro="" textlink="">
      <xdr:nvSpPr>
        <xdr:cNvPr id="343" name="n_3mainValue【公営住宅】&#10;一人当たり面積"/>
        <xdr:cNvSpPr txBox="1"/>
      </xdr:nvSpPr>
      <xdr:spPr>
        <a:xfrm>
          <a:off x="7626427" y="14472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4" name="正方形/長方形 34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5" name="正方形/長方形 34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6" name="正方形/長方形 34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7" name="正方形/長方形 34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8" name="正方形/長方形 34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9" name="正方形/長方形 34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0" name="正方形/長方形 34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1" name="正方形/長方形 350"/>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2" name="テキスト ボックス 351"/>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3" name="直線コネクタ 352"/>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8</xdr:row>
      <xdr:rowOff>152400</xdr:rowOff>
    </xdr:from>
    <xdr:to>
      <xdr:col>28</xdr:col>
      <xdr:colOff>114300</xdr:colOff>
      <xdr:row>108</xdr:row>
      <xdr:rowOff>152400</xdr:rowOff>
    </xdr:to>
    <xdr:cxnSp macro="">
      <xdr:nvCxnSpPr>
        <xdr:cNvPr id="354" name="直線コネクタ 353"/>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10177</xdr:rowOff>
    </xdr:from>
    <xdr:ext cx="338939" cy="259045"/>
    <xdr:sp macro="" textlink="">
      <xdr:nvSpPr>
        <xdr:cNvPr id="355" name="テキスト ボックス 354"/>
        <xdr:cNvSpPr txBox="1"/>
      </xdr:nvSpPr>
      <xdr:spPr>
        <a:xfrm>
          <a:off x="423061" y="1852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56" name="直線コネクタ 355"/>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57" name="テキスト ボックス 356"/>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58" name="直線コネクタ 357"/>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59" name="テキスト ボックス 358"/>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60" name="直線コネクタ 359"/>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61" name="テキスト ボックス 360"/>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62" name="直線コネクタ 361"/>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63" name="テキスト ボックス 362"/>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4" name="直線コネクタ 363"/>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65" name="テキスト ボックス 364"/>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66"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20955</xdr:rowOff>
    </xdr:from>
    <xdr:to>
      <xdr:col>24</xdr:col>
      <xdr:colOff>62865</xdr:colOff>
      <xdr:row>108</xdr:row>
      <xdr:rowOff>83820</xdr:rowOff>
    </xdr:to>
    <xdr:cxnSp macro="">
      <xdr:nvCxnSpPr>
        <xdr:cNvPr id="367" name="直線コネクタ 366"/>
        <xdr:cNvCxnSpPr/>
      </xdr:nvCxnSpPr>
      <xdr:spPr>
        <a:xfrm flipV="1">
          <a:off x="4634865" y="17165955"/>
          <a:ext cx="0" cy="14344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7647</xdr:rowOff>
    </xdr:from>
    <xdr:ext cx="340478" cy="259045"/>
    <xdr:sp macro="" textlink="">
      <xdr:nvSpPr>
        <xdr:cNvPr id="368" name="【港湾・漁港】&#10;有形固定資産減価償却率最小値テキスト"/>
        <xdr:cNvSpPr txBox="1"/>
      </xdr:nvSpPr>
      <xdr:spPr>
        <a:xfrm>
          <a:off x="4673600" y="186042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3820</xdr:rowOff>
    </xdr:from>
    <xdr:to>
      <xdr:col>24</xdr:col>
      <xdr:colOff>152400</xdr:colOff>
      <xdr:row>108</xdr:row>
      <xdr:rowOff>83820</xdr:rowOff>
    </xdr:to>
    <xdr:cxnSp macro="">
      <xdr:nvCxnSpPr>
        <xdr:cNvPr id="369" name="直線コネクタ 368"/>
        <xdr:cNvCxnSpPr/>
      </xdr:nvCxnSpPr>
      <xdr:spPr>
        <a:xfrm>
          <a:off x="4546600" y="18600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9082</xdr:rowOff>
    </xdr:from>
    <xdr:ext cx="405111" cy="259045"/>
    <xdr:sp macro="" textlink="">
      <xdr:nvSpPr>
        <xdr:cNvPr id="370" name="【港湾・漁港】&#10;有形固定資産減価償却率最大値テキスト"/>
        <xdr:cNvSpPr txBox="1"/>
      </xdr:nvSpPr>
      <xdr:spPr>
        <a:xfrm>
          <a:off x="4673600" y="16941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20955</xdr:rowOff>
    </xdr:from>
    <xdr:to>
      <xdr:col>24</xdr:col>
      <xdr:colOff>152400</xdr:colOff>
      <xdr:row>100</xdr:row>
      <xdr:rowOff>20955</xdr:rowOff>
    </xdr:to>
    <xdr:cxnSp macro="">
      <xdr:nvCxnSpPr>
        <xdr:cNvPr id="371" name="直線コネクタ 370"/>
        <xdr:cNvCxnSpPr/>
      </xdr:nvCxnSpPr>
      <xdr:spPr>
        <a:xfrm>
          <a:off x="4546600" y="17165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1</xdr:row>
      <xdr:rowOff>76216</xdr:rowOff>
    </xdr:from>
    <xdr:ext cx="405111" cy="259045"/>
    <xdr:sp macro="" textlink="">
      <xdr:nvSpPr>
        <xdr:cNvPr id="372" name="【港湾・漁港】&#10;有形固定資産減価償却率平均値テキスト"/>
        <xdr:cNvSpPr txBox="1"/>
      </xdr:nvSpPr>
      <xdr:spPr>
        <a:xfrm>
          <a:off x="4673600" y="173926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1</xdr:row>
      <xdr:rowOff>97789</xdr:rowOff>
    </xdr:from>
    <xdr:to>
      <xdr:col>24</xdr:col>
      <xdr:colOff>114300</xdr:colOff>
      <xdr:row>102</xdr:row>
      <xdr:rowOff>27939</xdr:rowOff>
    </xdr:to>
    <xdr:sp macro="" textlink="">
      <xdr:nvSpPr>
        <xdr:cNvPr id="373" name="フローチャート: 判断 372"/>
        <xdr:cNvSpPr/>
      </xdr:nvSpPr>
      <xdr:spPr>
        <a:xfrm>
          <a:off x="4584700" y="17414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1</xdr:row>
      <xdr:rowOff>120650</xdr:rowOff>
    </xdr:from>
    <xdr:to>
      <xdr:col>20</xdr:col>
      <xdr:colOff>38100</xdr:colOff>
      <xdr:row>102</xdr:row>
      <xdr:rowOff>50800</xdr:rowOff>
    </xdr:to>
    <xdr:sp macro="" textlink="">
      <xdr:nvSpPr>
        <xdr:cNvPr id="374" name="フローチャート: 判断 373"/>
        <xdr:cNvSpPr/>
      </xdr:nvSpPr>
      <xdr:spPr>
        <a:xfrm>
          <a:off x="3746500" y="1743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1</xdr:row>
      <xdr:rowOff>154939</xdr:rowOff>
    </xdr:from>
    <xdr:to>
      <xdr:col>15</xdr:col>
      <xdr:colOff>101600</xdr:colOff>
      <xdr:row>102</xdr:row>
      <xdr:rowOff>85089</xdr:rowOff>
    </xdr:to>
    <xdr:sp macro="" textlink="">
      <xdr:nvSpPr>
        <xdr:cNvPr id="375" name="フローチャート: 判断 374"/>
        <xdr:cNvSpPr/>
      </xdr:nvSpPr>
      <xdr:spPr>
        <a:xfrm>
          <a:off x="2857500" y="1747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1</xdr:row>
      <xdr:rowOff>120650</xdr:rowOff>
    </xdr:from>
    <xdr:to>
      <xdr:col>10</xdr:col>
      <xdr:colOff>165100</xdr:colOff>
      <xdr:row>102</xdr:row>
      <xdr:rowOff>50800</xdr:rowOff>
    </xdr:to>
    <xdr:sp macro="" textlink="">
      <xdr:nvSpPr>
        <xdr:cNvPr id="376" name="フローチャート: 判断 375"/>
        <xdr:cNvSpPr/>
      </xdr:nvSpPr>
      <xdr:spPr>
        <a:xfrm>
          <a:off x="1968500" y="1743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77" name="テキスト ボックス 376"/>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78" name="テキスト ボックス 377"/>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79" name="テキスト ボックス 378"/>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0" name="テキスト ボックス 379"/>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1" name="テキスト ボックス 380"/>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120650</xdr:rowOff>
    </xdr:from>
    <xdr:to>
      <xdr:col>24</xdr:col>
      <xdr:colOff>114300</xdr:colOff>
      <xdr:row>101</xdr:row>
      <xdr:rowOff>50800</xdr:rowOff>
    </xdr:to>
    <xdr:sp macro="" textlink="">
      <xdr:nvSpPr>
        <xdr:cNvPr id="382" name="楕円 381"/>
        <xdr:cNvSpPr/>
      </xdr:nvSpPr>
      <xdr:spPr>
        <a:xfrm>
          <a:off x="4584700" y="17265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99</xdr:row>
      <xdr:rowOff>143527</xdr:rowOff>
    </xdr:from>
    <xdr:ext cx="405111" cy="259045"/>
    <xdr:sp macro="" textlink="">
      <xdr:nvSpPr>
        <xdr:cNvPr id="383" name="【港湾・漁港】&#10;有形固定資産減価償却率該当値テキスト"/>
        <xdr:cNvSpPr txBox="1"/>
      </xdr:nvSpPr>
      <xdr:spPr>
        <a:xfrm>
          <a:off x="4673600" y="17117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154939</xdr:rowOff>
    </xdr:from>
    <xdr:to>
      <xdr:col>20</xdr:col>
      <xdr:colOff>38100</xdr:colOff>
      <xdr:row>101</xdr:row>
      <xdr:rowOff>85089</xdr:rowOff>
    </xdr:to>
    <xdr:sp macro="" textlink="">
      <xdr:nvSpPr>
        <xdr:cNvPr id="384" name="楕円 383"/>
        <xdr:cNvSpPr/>
      </xdr:nvSpPr>
      <xdr:spPr>
        <a:xfrm>
          <a:off x="3746500" y="17299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1</xdr:row>
      <xdr:rowOff>0</xdr:rowOff>
    </xdr:from>
    <xdr:to>
      <xdr:col>24</xdr:col>
      <xdr:colOff>63500</xdr:colOff>
      <xdr:row>101</xdr:row>
      <xdr:rowOff>34289</xdr:rowOff>
    </xdr:to>
    <xdr:cxnSp macro="">
      <xdr:nvCxnSpPr>
        <xdr:cNvPr id="385" name="直線コネクタ 384"/>
        <xdr:cNvCxnSpPr/>
      </xdr:nvCxnSpPr>
      <xdr:spPr>
        <a:xfrm flipV="1">
          <a:off x="3797300" y="17316450"/>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1</xdr:row>
      <xdr:rowOff>19686</xdr:rowOff>
    </xdr:from>
    <xdr:to>
      <xdr:col>15</xdr:col>
      <xdr:colOff>101600</xdr:colOff>
      <xdr:row>101</xdr:row>
      <xdr:rowOff>121286</xdr:rowOff>
    </xdr:to>
    <xdr:sp macro="" textlink="">
      <xdr:nvSpPr>
        <xdr:cNvPr id="386" name="楕円 385"/>
        <xdr:cNvSpPr/>
      </xdr:nvSpPr>
      <xdr:spPr>
        <a:xfrm>
          <a:off x="2857500" y="17336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1</xdr:row>
      <xdr:rowOff>34289</xdr:rowOff>
    </xdr:from>
    <xdr:to>
      <xdr:col>19</xdr:col>
      <xdr:colOff>177800</xdr:colOff>
      <xdr:row>101</xdr:row>
      <xdr:rowOff>70486</xdr:rowOff>
    </xdr:to>
    <xdr:cxnSp macro="">
      <xdr:nvCxnSpPr>
        <xdr:cNvPr id="387" name="直線コネクタ 386"/>
        <xdr:cNvCxnSpPr/>
      </xdr:nvCxnSpPr>
      <xdr:spPr>
        <a:xfrm flipV="1">
          <a:off x="2908300" y="17350739"/>
          <a:ext cx="889000" cy="36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44450</xdr:rowOff>
    </xdr:from>
    <xdr:to>
      <xdr:col>10</xdr:col>
      <xdr:colOff>165100</xdr:colOff>
      <xdr:row>101</xdr:row>
      <xdr:rowOff>146050</xdr:rowOff>
    </xdr:to>
    <xdr:sp macro="" textlink="">
      <xdr:nvSpPr>
        <xdr:cNvPr id="388" name="楕円 387"/>
        <xdr:cNvSpPr/>
      </xdr:nvSpPr>
      <xdr:spPr>
        <a:xfrm>
          <a:off x="1968500" y="1736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1</xdr:row>
      <xdr:rowOff>70486</xdr:rowOff>
    </xdr:from>
    <xdr:to>
      <xdr:col>15</xdr:col>
      <xdr:colOff>50800</xdr:colOff>
      <xdr:row>101</xdr:row>
      <xdr:rowOff>95250</xdr:rowOff>
    </xdr:to>
    <xdr:cxnSp macro="">
      <xdr:nvCxnSpPr>
        <xdr:cNvPr id="389" name="直線コネクタ 388"/>
        <xdr:cNvCxnSpPr/>
      </xdr:nvCxnSpPr>
      <xdr:spPr>
        <a:xfrm flipV="1">
          <a:off x="2019300" y="17386936"/>
          <a:ext cx="889000" cy="24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41927</xdr:rowOff>
    </xdr:from>
    <xdr:ext cx="405111" cy="259045"/>
    <xdr:sp macro="" textlink="">
      <xdr:nvSpPr>
        <xdr:cNvPr id="390" name="n_1aveValue【港湾・漁港】&#10;有形固定資産減価償却率"/>
        <xdr:cNvSpPr txBox="1"/>
      </xdr:nvSpPr>
      <xdr:spPr>
        <a:xfrm>
          <a:off x="3582044" y="17529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76216</xdr:rowOff>
    </xdr:from>
    <xdr:ext cx="405111" cy="259045"/>
    <xdr:sp macro="" textlink="">
      <xdr:nvSpPr>
        <xdr:cNvPr id="391" name="n_2aveValue【港湾・漁港】&#10;有形固定資産減価償却率"/>
        <xdr:cNvSpPr txBox="1"/>
      </xdr:nvSpPr>
      <xdr:spPr>
        <a:xfrm>
          <a:off x="2705744" y="17564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41927</xdr:rowOff>
    </xdr:from>
    <xdr:ext cx="405111" cy="259045"/>
    <xdr:sp macro="" textlink="">
      <xdr:nvSpPr>
        <xdr:cNvPr id="392" name="n_3aveValue【港湾・漁港】&#10;有形固定資産減価償却率"/>
        <xdr:cNvSpPr txBox="1"/>
      </xdr:nvSpPr>
      <xdr:spPr>
        <a:xfrm>
          <a:off x="1816744" y="17529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101616</xdr:rowOff>
    </xdr:from>
    <xdr:ext cx="405111" cy="259045"/>
    <xdr:sp macro="" textlink="">
      <xdr:nvSpPr>
        <xdr:cNvPr id="393" name="n_1mainValue【港湾・漁港】&#10;有形固定資産減価償却率"/>
        <xdr:cNvSpPr txBox="1"/>
      </xdr:nvSpPr>
      <xdr:spPr>
        <a:xfrm>
          <a:off x="3582044" y="17075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9</xdr:row>
      <xdr:rowOff>137813</xdr:rowOff>
    </xdr:from>
    <xdr:ext cx="405111" cy="259045"/>
    <xdr:sp macro="" textlink="">
      <xdr:nvSpPr>
        <xdr:cNvPr id="394" name="n_2mainValue【港湾・漁港】&#10;有形固定資産減価償却率"/>
        <xdr:cNvSpPr txBox="1"/>
      </xdr:nvSpPr>
      <xdr:spPr>
        <a:xfrm>
          <a:off x="2705744" y="17111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99</xdr:row>
      <xdr:rowOff>162577</xdr:rowOff>
    </xdr:from>
    <xdr:ext cx="405111" cy="259045"/>
    <xdr:sp macro="" textlink="">
      <xdr:nvSpPr>
        <xdr:cNvPr id="395" name="n_3mainValue【港湾・漁港】&#10;有形固定資産減価償却率"/>
        <xdr:cNvSpPr txBox="1"/>
      </xdr:nvSpPr>
      <xdr:spPr>
        <a:xfrm>
          <a:off x="1816744" y="1713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96" name="正方形/長方形 395"/>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7" name="正方形/長方形 396"/>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8" name="正方形/長方形 397"/>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9" name="正方形/長方形 398"/>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0" name="正方形/長方形 399"/>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1" name="正方形/長方形 400"/>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02" name="正方形/長方形 401"/>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03" name="正方形/長方形 402"/>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4" name="テキスト ボックス 403"/>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5" name="直線コネクタ 404"/>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06" name="直線コネクタ 405"/>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07" name="テキスト ボックス 406"/>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08" name="直線コネクタ 407"/>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4</xdr:row>
      <xdr:rowOff>162577</xdr:rowOff>
    </xdr:from>
    <xdr:ext cx="531299" cy="259045"/>
    <xdr:sp macro="" textlink="">
      <xdr:nvSpPr>
        <xdr:cNvPr id="409" name="テキスト ボックス 408"/>
        <xdr:cNvSpPr txBox="1"/>
      </xdr:nvSpPr>
      <xdr:spPr>
        <a:xfrm>
          <a:off x="6072701" y="1799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10" name="直線コネクタ 409"/>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411" name="テキスト ボックス 410"/>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12" name="直線コネクタ 411"/>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413" name="テキスト ボックス 412"/>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14" name="直線コネクタ 413"/>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15" name="テキスト ボックス 414"/>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6"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4990</xdr:rowOff>
    </xdr:from>
    <xdr:to>
      <xdr:col>54</xdr:col>
      <xdr:colOff>189865</xdr:colOff>
      <xdr:row>108</xdr:row>
      <xdr:rowOff>74234</xdr:rowOff>
    </xdr:to>
    <xdr:cxnSp macro="">
      <xdr:nvCxnSpPr>
        <xdr:cNvPr id="417" name="直線コネクタ 416"/>
        <xdr:cNvCxnSpPr/>
      </xdr:nvCxnSpPr>
      <xdr:spPr>
        <a:xfrm flipV="1">
          <a:off x="10476865" y="17159990"/>
          <a:ext cx="0" cy="1430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8061</xdr:rowOff>
    </xdr:from>
    <xdr:ext cx="378565" cy="259045"/>
    <xdr:sp macro="" textlink="">
      <xdr:nvSpPr>
        <xdr:cNvPr id="418" name="【港湾・漁港】&#10;一人当たり有形固定資産（償却資産）額最小値テキスト"/>
        <xdr:cNvSpPr txBox="1"/>
      </xdr:nvSpPr>
      <xdr:spPr>
        <a:xfrm>
          <a:off x="10515600" y="185946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234</xdr:rowOff>
    </xdr:from>
    <xdr:to>
      <xdr:col>55</xdr:col>
      <xdr:colOff>88900</xdr:colOff>
      <xdr:row>108</xdr:row>
      <xdr:rowOff>74234</xdr:rowOff>
    </xdr:to>
    <xdr:cxnSp macro="">
      <xdr:nvCxnSpPr>
        <xdr:cNvPr id="419" name="直線コネクタ 418"/>
        <xdr:cNvCxnSpPr/>
      </xdr:nvCxnSpPr>
      <xdr:spPr>
        <a:xfrm>
          <a:off x="10388600" y="18590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33117</xdr:rowOff>
    </xdr:from>
    <xdr:ext cx="599010" cy="259045"/>
    <xdr:sp macro="" textlink="">
      <xdr:nvSpPr>
        <xdr:cNvPr id="420" name="【港湾・漁港】&#10;一人当たり有形固定資産（償却資産）額最大値テキスト"/>
        <xdr:cNvSpPr txBox="1"/>
      </xdr:nvSpPr>
      <xdr:spPr>
        <a:xfrm>
          <a:off x="10515600" y="16935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6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4990</xdr:rowOff>
    </xdr:from>
    <xdr:to>
      <xdr:col>55</xdr:col>
      <xdr:colOff>88900</xdr:colOff>
      <xdr:row>100</xdr:row>
      <xdr:rowOff>14990</xdr:rowOff>
    </xdr:to>
    <xdr:cxnSp macro="">
      <xdr:nvCxnSpPr>
        <xdr:cNvPr id="421" name="直線コネクタ 420"/>
        <xdr:cNvCxnSpPr/>
      </xdr:nvCxnSpPr>
      <xdr:spPr>
        <a:xfrm>
          <a:off x="10388600" y="17159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3</xdr:row>
      <xdr:rowOff>92150</xdr:rowOff>
    </xdr:from>
    <xdr:ext cx="534377" cy="259045"/>
    <xdr:sp macro="" textlink="">
      <xdr:nvSpPr>
        <xdr:cNvPr id="422" name="【港湾・漁港】&#10;一人当たり有形固定資産（償却資産）額平均値テキスト"/>
        <xdr:cNvSpPr txBox="1"/>
      </xdr:nvSpPr>
      <xdr:spPr>
        <a:xfrm>
          <a:off x="10515600" y="177515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69273</xdr:rowOff>
    </xdr:from>
    <xdr:to>
      <xdr:col>55</xdr:col>
      <xdr:colOff>50800</xdr:colOff>
      <xdr:row>104</xdr:row>
      <xdr:rowOff>170873</xdr:rowOff>
    </xdr:to>
    <xdr:sp macro="" textlink="">
      <xdr:nvSpPr>
        <xdr:cNvPr id="423" name="フローチャート: 判断 422"/>
        <xdr:cNvSpPr/>
      </xdr:nvSpPr>
      <xdr:spPr>
        <a:xfrm>
          <a:off x="10426700" y="17900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72930</xdr:rowOff>
    </xdr:from>
    <xdr:to>
      <xdr:col>50</xdr:col>
      <xdr:colOff>165100</xdr:colOff>
      <xdr:row>105</xdr:row>
      <xdr:rowOff>3080</xdr:rowOff>
    </xdr:to>
    <xdr:sp macro="" textlink="">
      <xdr:nvSpPr>
        <xdr:cNvPr id="424" name="フローチャート: 判断 423"/>
        <xdr:cNvSpPr/>
      </xdr:nvSpPr>
      <xdr:spPr>
        <a:xfrm>
          <a:off x="9588500" y="17903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78553</xdr:rowOff>
    </xdr:from>
    <xdr:to>
      <xdr:col>46</xdr:col>
      <xdr:colOff>38100</xdr:colOff>
      <xdr:row>105</xdr:row>
      <xdr:rowOff>8703</xdr:rowOff>
    </xdr:to>
    <xdr:sp macro="" textlink="">
      <xdr:nvSpPr>
        <xdr:cNvPr id="425" name="フローチャート: 判断 424"/>
        <xdr:cNvSpPr/>
      </xdr:nvSpPr>
      <xdr:spPr>
        <a:xfrm>
          <a:off x="8699500" y="17909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141858</xdr:rowOff>
    </xdr:from>
    <xdr:to>
      <xdr:col>41</xdr:col>
      <xdr:colOff>101600</xdr:colOff>
      <xdr:row>105</xdr:row>
      <xdr:rowOff>72008</xdr:rowOff>
    </xdr:to>
    <xdr:sp macro="" textlink="">
      <xdr:nvSpPr>
        <xdr:cNvPr id="426" name="フローチャート: 判断 425"/>
        <xdr:cNvSpPr/>
      </xdr:nvSpPr>
      <xdr:spPr>
        <a:xfrm>
          <a:off x="7810500" y="17972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27" name="テキスト ボックス 426"/>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28" name="テキスト ボックス 427"/>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29" name="テキスト ボックス 428"/>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0" name="テキスト ボックス 429"/>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1" name="テキスト ボックス 430"/>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3038</xdr:rowOff>
    </xdr:from>
    <xdr:to>
      <xdr:col>55</xdr:col>
      <xdr:colOff>50800</xdr:colOff>
      <xdr:row>105</xdr:row>
      <xdr:rowOff>114638</xdr:rowOff>
    </xdr:to>
    <xdr:sp macro="" textlink="">
      <xdr:nvSpPr>
        <xdr:cNvPr id="432" name="楕円 431"/>
        <xdr:cNvSpPr/>
      </xdr:nvSpPr>
      <xdr:spPr>
        <a:xfrm>
          <a:off x="10426700" y="18015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4</xdr:row>
      <xdr:rowOff>162915</xdr:rowOff>
    </xdr:from>
    <xdr:ext cx="534377" cy="259045"/>
    <xdr:sp macro="" textlink="">
      <xdr:nvSpPr>
        <xdr:cNvPr id="433" name="【港湾・漁港】&#10;一人当たり有形固定資産（償却資産）額該当値テキスト"/>
        <xdr:cNvSpPr txBox="1"/>
      </xdr:nvSpPr>
      <xdr:spPr>
        <a:xfrm>
          <a:off x="10515600" y="17993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12424</xdr:rowOff>
    </xdr:from>
    <xdr:to>
      <xdr:col>50</xdr:col>
      <xdr:colOff>165100</xdr:colOff>
      <xdr:row>105</xdr:row>
      <xdr:rowOff>114024</xdr:rowOff>
    </xdr:to>
    <xdr:sp macro="" textlink="">
      <xdr:nvSpPr>
        <xdr:cNvPr id="434" name="楕円 433"/>
        <xdr:cNvSpPr/>
      </xdr:nvSpPr>
      <xdr:spPr>
        <a:xfrm>
          <a:off x="9588500" y="18014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63224</xdr:rowOff>
    </xdr:from>
    <xdr:to>
      <xdr:col>55</xdr:col>
      <xdr:colOff>0</xdr:colOff>
      <xdr:row>105</xdr:row>
      <xdr:rowOff>63838</xdr:rowOff>
    </xdr:to>
    <xdr:cxnSp macro="">
      <xdr:nvCxnSpPr>
        <xdr:cNvPr id="435" name="直線コネクタ 434"/>
        <xdr:cNvCxnSpPr/>
      </xdr:nvCxnSpPr>
      <xdr:spPr>
        <a:xfrm>
          <a:off x="9639300" y="18065474"/>
          <a:ext cx="838200" cy="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12041</xdr:rowOff>
    </xdr:from>
    <xdr:to>
      <xdr:col>46</xdr:col>
      <xdr:colOff>38100</xdr:colOff>
      <xdr:row>105</xdr:row>
      <xdr:rowOff>113641</xdr:rowOff>
    </xdr:to>
    <xdr:sp macro="" textlink="">
      <xdr:nvSpPr>
        <xdr:cNvPr id="436" name="楕円 435"/>
        <xdr:cNvSpPr/>
      </xdr:nvSpPr>
      <xdr:spPr>
        <a:xfrm>
          <a:off x="8699500" y="18014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62841</xdr:rowOff>
    </xdr:from>
    <xdr:to>
      <xdr:col>50</xdr:col>
      <xdr:colOff>114300</xdr:colOff>
      <xdr:row>105</xdr:row>
      <xdr:rowOff>63224</xdr:rowOff>
    </xdr:to>
    <xdr:cxnSp macro="">
      <xdr:nvCxnSpPr>
        <xdr:cNvPr id="437" name="直線コネクタ 436"/>
        <xdr:cNvCxnSpPr/>
      </xdr:nvCxnSpPr>
      <xdr:spPr>
        <a:xfrm>
          <a:off x="8750300" y="18065091"/>
          <a:ext cx="889000" cy="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7673</xdr:rowOff>
    </xdr:from>
    <xdr:to>
      <xdr:col>41</xdr:col>
      <xdr:colOff>101600</xdr:colOff>
      <xdr:row>105</xdr:row>
      <xdr:rowOff>119273</xdr:rowOff>
    </xdr:to>
    <xdr:sp macro="" textlink="">
      <xdr:nvSpPr>
        <xdr:cNvPr id="438" name="楕円 437"/>
        <xdr:cNvSpPr/>
      </xdr:nvSpPr>
      <xdr:spPr>
        <a:xfrm>
          <a:off x="7810500" y="18019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62841</xdr:rowOff>
    </xdr:from>
    <xdr:to>
      <xdr:col>45</xdr:col>
      <xdr:colOff>177800</xdr:colOff>
      <xdr:row>105</xdr:row>
      <xdr:rowOff>68473</xdr:rowOff>
    </xdr:to>
    <xdr:cxnSp macro="">
      <xdr:nvCxnSpPr>
        <xdr:cNvPr id="439" name="直線コネクタ 438"/>
        <xdr:cNvCxnSpPr/>
      </xdr:nvCxnSpPr>
      <xdr:spPr>
        <a:xfrm flipV="1">
          <a:off x="7861300" y="18065091"/>
          <a:ext cx="889000" cy="5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3</xdr:row>
      <xdr:rowOff>19607</xdr:rowOff>
    </xdr:from>
    <xdr:ext cx="534377" cy="259045"/>
    <xdr:sp macro="" textlink="">
      <xdr:nvSpPr>
        <xdr:cNvPr id="440" name="n_1aveValue【港湾・漁港】&#10;一人当たり有形固定資産（償却資産）額"/>
        <xdr:cNvSpPr txBox="1"/>
      </xdr:nvSpPr>
      <xdr:spPr>
        <a:xfrm>
          <a:off x="9359411" y="17678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3</xdr:row>
      <xdr:rowOff>25230</xdr:rowOff>
    </xdr:from>
    <xdr:ext cx="534377" cy="259045"/>
    <xdr:sp macro="" textlink="">
      <xdr:nvSpPr>
        <xdr:cNvPr id="441" name="n_2aveValue【港湾・漁港】&#10;一人当たり有形固定資産（償却資産）額"/>
        <xdr:cNvSpPr txBox="1"/>
      </xdr:nvSpPr>
      <xdr:spPr>
        <a:xfrm>
          <a:off x="8483111" y="17684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3</xdr:row>
      <xdr:rowOff>88535</xdr:rowOff>
    </xdr:from>
    <xdr:ext cx="534377" cy="259045"/>
    <xdr:sp macro="" textlink="">
      <xdr:nvSpPr>
        <xdr:cNvPr id="442" name="n_3aveValue【港湾・漁港】&#10;一人当たり有形固定資産（償却資産）額"/>
        <xdr:cNvSpPr txBox="1"/>
      </xdr:nvSpPr>
      <xdr:spPr>
        <a:xfrm>
          <a:off x="7594111" y="17747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5</xdr:row>
      <xdr:rowOff>105151</xdr:rowOff>
    </xdr:from>
    <xdr:ext cx="534377" cy="259045"/>
    <xdr:sp macro="" textlink="">
      <xdr:nvSpPr>
        <xdr:cNvPr id="443" name="n_1mainValue【港湾・漁港】&#10;一人当たり有形固定資産（償却資産）額"/>
        <xdr:cNvSpPr txBox="1"/>
      </xdr:nvSpPr>
      <xdr:spPr>
        <a:xfrm>
          <a:off x="9359411" y="18107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104768</xdr:rowOff>
    </xdr:from>
    <xdr:ext cx="534377" cy="259045"/>
    <xdr:sp macro="" textlink="">
      <xdr:nvSpPr>
        <xdr:cNvPr id="444" name="n_2mainValue【港湾・漁港】&#10;一人当たり有形固定資産（償却資産）額"/>
        <xdr:cNvSpPr txBox="1"/>
      </xdr:nvSpPr>
      <xdr:spPr>
        <a:xfrm>
          <a:off x="8483111" y="18107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10400</xdr:rowOff>
    </xdr:from>
    <xdr:ext cx="534377" cy="259045"/>
    <xdr:sp macro="" textlink="">
      <xdr:nvSpPr>
        <xdr:cNvPr id="445" name="n_3mainValue【港湾・漁港】&#10;一人当たり有形固定資産（償却資産）額"/>
        <xdr:cNvSpPr txBox="1"/>
      </xdr:nvSpPr>
      <xdr:spPr>
        <a:xfrm>
          <a:off x="7594111" y="18112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6" name="正方形/長方形 44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7" name="正方形/長方形 44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48" name="正方形/長方形 44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49" name="正方形/長方形 44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0" name="正方形/長方形 44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1" name="正方形/長方形 45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2" name="正方形/長方形 45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3" name="正方形/長方形 452"/>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54" name="テキスト ボックス 453"/>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5" name="直線コネクタ 454"/>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56" name="テキスト ボックス 455"/>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57" name="直線コネクタ 456"/>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58" name="テキスト ボックス 457"/>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59" name="直線コネクタ 458"/>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60" name="テキスト ボックス 459"/>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1" name="直線コネクタ 460"/>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62" name="テキスト ボックス 461"/>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63" name="直線コネクタ 462"/>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64" name="テキスト ボックス 463"/>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65" name="直線コネクタ 464"/>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66" name="テキスト ボックス 465"/>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7" name="直線コネクタ 466"/>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468" name="テキスト ボックス 467"/>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69"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52400</xdr:rowOff>
    </xdr:from>
    <xdr:to>
      <xdr:col>85</xdr:col>
      <xdr:colOff>126364</xdr:colOff>
      <xdr:row>41</xdr:row>
      <xdr:rowOff>15240</xdr:rowOff>
    </xdr:to>
    <xdr:cxnSp macro="">
      <xdr:nvCxnSpPr>
        <xdr:cNvPr id="470" name="直線コネクタ 469"/>
        <xdr:cNvCxnSpPr/>
      </xdr:nvCxnSpPr>
      <xdr:spPr>
        <a:xfrm flipV="1">
          <a:off x="16318864" y="5638800"/>
          <a:ext cx="0" cy="140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9067</xdr:rowOff>
    </xdr:from>
    <xdr:ext cx="405111" cy="259045"/>
    <xdr:sp macro="" textlink="">
      <xdr:nvSpPr>
        <xdr:cNvPr id="471" name="【認定こども園・幼稚園・保育所】&#10;有形固定資産減価償却率最小値テキスト"/>
        <xdr:cNvSpPr txBox="1"/>
      </xdr:nvSpPr>
      <xdr:spPr>
        <a:xfrm>
          <a:off x="16357600" y="7048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240</xdr:rowOff>
    </xdr:from>
    <xdr:to>
      <xdr:col>86</xdr:col>
      <xdr:colOff>25400</xdr:colOff>
      <xdr:row>41</xdr:row>
      <xdr:rowOff>15240</xdr:rowOff>
    </xdr:to>
    <xdr:cxnSp macro="">
      <xdr:nvCxnSpPr>
        <xdr:cNvPr id="472" name="直線コネクタ 471"/>
        <xdr:cNvCxnSpPr/>
      </xdr:nvCxnSpPr>
      <xdr:spPr>
        <a:xfrm>
          <a:off x="16230600" y="7044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99077</xdr:rowOff>
    </xdr:from>
    <xdr:ext cx="405111" cy="259045"/>
    <xdr:sp macro="" textlink="">
      <xdr:nvSpPr>
        <xdr:cNvPr id="473" name="【認定こども園・幼稚園・保育所】&#10;有形固定資産減価償却率最大値テキスト"/>
        <xdr:cNvSpPr txBox="1"/>
      </xdr:nvSpPr>
      <xdr:spPr>
        <a:xfrm>
          <a:off x="16357600" y="541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52400</xdr:rowOff>
    </xdr:from>
    <xdr:to>
      <xdr:col>86</xdr:col>
      <xdr:colOff>25400</xdr:colOff>
      <xdr:row>32</xdr:row>
      <xdr:rowOff>152400</xdr:rowOff>
    </xdr:to>
    <xdr:cxnSp macro="">
      <xdr:nvCxnSpPr>
        <xdr:cNvPr id="474" name="直線コネクタ 473"/>
        <xdr:cNvCxnSpPr/>
      </xdr:nvCxnSpPr>
      <xdr:spPr>
        <a:xfrm>
          <a:off x="16230600" y="563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7</xdr:rowOff>
    </xdr:from>
    <xdr:ext cx="405111" cy="259045"/>
    <xdr:sp macro="" textlink="">
      <xdr:nvSpPr>
        <xdr:cNvPr id="475" name="【認定こども園・幼稚園・保育所】&#10;有形固定資産減価償却率平均値テキスト"/>
        <xdr:cNvSpPr txBox="1"/>
      </xdr:nvSpPr>
      <xdr:spPr>
        <a:xfrm>
          <a:off x="16357600" y="60007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21590</xdr:rowOff>
    </xdr:from>
    <xdr:to>
      <xdr:col>85</xdr:col>
      <xdr:colOff>177800</xdr:colOff>
      <xdr:row>35</xdr:row>
      <xdr:rowOff>123190</xdr:rowOff>
    </xdr:to>
    <xdr:sp macro="" textlink="">
      <xdr:nvSpPr>
        <xdr:cNvPr id="476" name="フローチャート: 判断 475"/>
        <xdr:cNvSpPr/>
      </xdr:nvSpPr>
      <xdr:spPr>
        <a:xfrm>
          <a:off x="16268700" y="6022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5</xdr:row>
      <xdr:rowOff>78740</xdr:rowOff>
    </xdr:from>
    <xdr:to>
      <xdr:col>81</xdr:col>
      <xdr:colOff>101600</xdr:colOff>
      <xdr:row>36</xdr:row>
      <xdr:rowOff>8890</xdr:rowOff>
    </xdr:to>
    <xdr:sp macro="" textlink="">
      <xdr:nvSpPr>
        <xdr:cNvPr id="477" name="フローチャート: 判断 476"/>
        <xdr:cNvSpPr/>
      </xdr:nvSpPr>
      <xdr:spPr>
        <a:xfrm>
          <a:off x="15430500" y="6079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5</xdr:row>
      <xdr:rowOff>93980</xdr:rowOff>
    </xdr:from>
    <xdr:to>
      <xdr:col>76</xdr:col>
      <xdr:colOff>165100</xdr:colOff>
      <xdr:row>36</xdr:row>
      <xdr:rowOff>24130</xdr:rowOff>
    </xdr:to>
    <xdr:sp macro="" textlink="">
      <xdr:nvSpPr>
        <xdr:cNvPr id="478" name="フローチャート: 判断 477"/>
        <xdr:cNvSpPr/>
      </xdr:nvSpPr>
      <xdr:spPr>
        <a:xfrm>
          <a:off x="14541500" y="6094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5</xdr:row>
      <xdr:rowOff>78740</xdr:rowOff>
    </xdr:from>
    <xdr:to>
      <xdr:col>72</xdr:col>
      <xdr:colOff>38100</xdr:colOff>
      <xdr:row>36</xdr:row>
      <xdr:rowOff>8890</xdr:rowOff>
    </xdr:to>
    <xdr:sp macro="" textlink="">
      <xdr:nvSpPr>
        <xdr:cNvPr id="479" name="フローチャート: 判断 478"/>
        <xdr:cNvSpPr/>
      </xdr:nvSpPr>
      <xdr:spPr>
        <a:xfrm>
          <a:off x="13652500" y="6079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0" name="テキスト ボックス 47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1" name="テキスト ボックス 48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2" name="テキスト ボックス 48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3" name="テキスト ボックス 48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4" name="テキスト ボックス 48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2</xdr:row>
      <xdr:rowOff>128270</xdr:rowOff>
    </xdr:from>
    <xdr:to>
      <xdr:col>85</xdr:col>
      <xdr:colOff>177800</xdr:colOff>
      <xdr:row>33</xdr:row>
      <xdr:rowOff>58420</xdr:rowOff>
    </xdr:to>
    <xdr:sp macro="" textlink="">
      <xdr:nvSpPr>
        <xdr:cNvPr id="485" name="楕円 484"/>
        <xdr:cNvSpPr/>
      </xdr:nvSpPr>
      <xdr:spPr>
        <a:xfrm>
          <a:off x="16268700" y="5614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2</xdr:row>
      <xdr:rowOff>54627</xdr:rowOff>
    </xdr:from>
    <xdr:ext cx="405111" cy="259045"/>
    <xdr:sp macro="" textlink="">
      <xdr:nvSpPr>
        <xdr:cNvPr id="486" name="【認定こども園・幼稚園・保育所】&#10;有形固定資産減価償却率該当値テキスト"/>
        <xdr:cNvSpPr txBox="1"/>
      </xdr:nvSpPr>
      <xdr:spPr>
        <a:xfrm>
          <a:off x="16357600" y="5541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2</xdr:row>
      <xdr:rowOff>166370</xdr:rowOff>
    </xdr:from>
    <xdr:to>
      <xdr:col>81</xdr:col>
      <xdr:colOff>101600</xdr:colOff>
      <xdr:row>33</xdr:row>
      <xdr:rowOff>96520</xdr:rowOff>
    </xdr:to>
    <xdr:sp macro="" textlink="">
      <xdr:nvSpPr>
        <xdr:cNvPr id="487" name="楕円 486"/>
        <xdr:cNvSpPr/>
      </xdr:nvSpPr>
      <xdr:spPr>
        <a:xfrm>
          <a:off x="15430500" y="5652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3</xdr:row>
      <xdr:rowOff>7620</xdr:rowOff>
    </xdr:from>
    <xdr:to>
      <xdr:col>85</xdr:col>
      <xdr:colOff>127000</xdr:colOff>
      <xdr:row>33</xdr:row>
      <xdr:rowOff>45720</xdr:rowOff>
    </xdr:to>
    <xdr:cxnSp macro="">
      <xdr:nvCxnSpPr>
        <xdr:cNvPr id="488" name="直線コネクタ 487"/>
        <xdr:cNvCxnSpPr/>
      </xdr:nvCxnSpPr>
      <xdr:spPr>
        <a:xfrm flipV="1">
          <a:off x="15481300" y="566547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3</xdr:row>
      <xdr:rowOff>6350</xdr:rowOff>
    </xdr:from>
    <xdr:to>
      <xdr:col>76</xdr:col>
      <xdr:colOff>165100</xdr:colOff>
      <xdr:row>33</xdr:row>
      <xdr:rowOff>107950</xdr:rowOff>
    </xdr:to>
    <xdr:sp macro="" textlink="">
      <xdr:nvSpPr>
        <xdr:cNvPr id="489" name="楕円 488"/>
        <xdr:cNvSpPr/>
      </xdr:nvSpPr>
      <xdr:spPr>
        <a:xfrm>
          <a:off x="14541500" y="566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45720</xdr:rowOff>
    </xdr:from>
    <xdr:to>
      <xdr:col>81</xdr:col>
      <xdr:colOff>50800</xdr:colOff>
      <xdr:row>33</xdr:row>
      <xdr:rowOff>57150</xdr:rowOff>
    </xdr:to>
    <xdr:cxnSp macro="">
      <xdr:nvCxnSpPr>
        <xdr:cNvPr id="490" name="直線コネクタ 489"/>
        <xdr:cNvCxnSpPr/>
      </xdr:nvCxnSpPr>
      <xdr:spPr>
        <a:xfrm flipV="1">
          <a:off x="14592300" y="570357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3</xdr:row>
      <xdr:rowOff>166370</xdr:rowOff>
    </xdr:from>
    <xdr:to>
      <xdr:col>72</xdr:col>
      <xdr:colOff>38100</xdr:colOff>
      <xdr:row>34</xdr:row>
      <xdr:rowOff>96520</xdr:rowOff>
    </xdr:to>
    <xdr:sp macro="" textlink="">
      <xdr:nvSpPr>
        <xdr:cNvPr id="491" name="楕円 490"/>
        <xdr:cNvSpPr/>
      </xdr:nvSpPr>
      <xdr:spPr>
        <a:xfrm>
          <a:off x="13652500" y="5824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3</xdr:row>
      <xdr:rowOff>57150</xdr:rowOff>
    </xdr:from>
    <xdr:to>
      <xdr:col>76</xdr:col>
      <xdr:colOff>114300</xdr:colOff>
      <xdr:row>34</xdr:row>
      <xdr:rowOff>45720</xdr:rowOff>
    </xdr:to>
    <xdr:cxnSp macro="">
      <xdr:nvCxnSpPr>
        <xdr:cNvPr id="492" name="直線コネクタ 491"/>
        <xdr:cNvCxnSpPr/>
      </xdr:nvCxnSpPr>
      <xdr:spPr>
        <a:xfrm flipV="1">
          <a:off x="13703300" y="571500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7</xdr:rowOff>
    </xdr:from>
    <xdr:ext cx="405111" cy="259045"/>
    <xdr:sp macro="" textlink="">
      <xdr:nvSpPr>
        <xdr:cNvPr id="493" name="n_1aveValue【認定こども園・幼稚園・保育所】&#10;有形固定資産減価償却率"/>
        <xdr:cNvSpPr txBox="1"/>
      </xdr:nvSpPr>
      <xdr:spPr>
        <a:xfrm>
          <a:off x="15266044" y="6172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257</xdr:rowOff>
    </xdr:from>
    <xdr:ext cx="405111" cy="259045"/>
    <xdr:sp macro="" textlink="">
      <xdr:nvSpPr>
        <xdr:cNvPr id="494" name="n_2aveValue【認定こども園・幼稚園・保育所】&#10;有形固定資産減価償却率"/>
        <xdr:cNvSpPr txBox="1"/>
      </xdr:nvSpPr>
      <xdr:spPr>
        <a:xfrm>
          <a:off x="14389744" y="6187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7</xdr:rowOff>
    </xdr:from>
    <xdr:ext cx="405111" cy="259045"/>
    <xdr:sp macro="" textlink="">
      <xdr:nvSpPr>
        <xdr:cNvPr id="495" name="n_3aveValue【認定こども園・幼稚園・保育所】&#10;有形固定資産減価償却率"/>
        <xdr:cNvSpPr txBox="1"/>
      </xdr:nvSpPr>
      <xdr:spPr>
        <a:xfrm>
          <a:off x="13500744" y="6172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1</xdr:row>
      <xdr:rowOff>113047</xdr:rowOff>
    </xdr:from>
    <xdr:ext cx="405111" cy="259045"/>
    <xdr:sp macro="" textlink="">
      <xdr:nvSpPr>
        <xdr:cNvPr id="496" name="n_1mainValue【認定こども園・幼稚園・保育所】&#10;有形固定資産減価償却率"/>
        <xdr:cNvSpPr txBox="1"/>
      </xdr:nvSpPr>
      <xdr:spPr>
        <a:xfrm>
          <a:off x="15266044" y="5427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1</xdr:row>
      <xdr:rowOff>124477</xdr:rowOff>
    </xdr:from>
    <xdr:ext cx="405111" cy="259045"/>
    <xdr:sp macro="" textlink="">
      <xdr:nvSpPr>
        <xdr:cNvPr id="497" name="n_2mainValue【認定こども園・幼稚園・保育所】&#10;有形固定資産減価償却率"/>
        <xdr:cNvSpPr txBox="1"/>
      </xdr:nvSpPr>
      <xdr:spPr>
        <a:xfrm>
          <a:off x="14389744" y="543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113047</xdr:rowOff>
    </xdr:from>
    <xdr:ext cx="405111" cy="259045"/>
    <xdr:sp macro="" textlink="">
      <xdr:nvSpPr>
        <xdr:cNvPr id="498" name="n_3mainValue【認定こども園・幼稚園・保育所】&#10;有形固定資産減価償却率"/>
        <xdr:cNvSpPr txBox="1"/>
      </xdr:nvSpPr>
      <xdr:spPr>
        <a:xfrm>
          <a:off x="13500744" y="5599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99" name="正方形/長方形 498"/>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0" name="正方形/長方形 499"/>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1" name="正方形/長方形 500"/>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2" name="正方形/長方形 501"/>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3" name="正方形/長方形 502"/>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4" name="正方形/長方形 503"/>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5" name="正方形/長方形 504"/>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6" name="正方形/長方形 505"/>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7" name="テキスト ボックス 506"/>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08" name="直線コネクタ 507"/>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09" name="直線コネクタ 508"/>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510" name="テキスト ボックス 509"/>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11" name="直線コネクタ 510"/>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512" name="テキスト ボックス 511"/>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13" name="直線コネクタ 512"/>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514" name="テキスト ボックス 513"/>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15" name="直線コネクタ 514"/>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516" name="テキスト ボックス 515"/>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17" name="直線コネクタ 516"/>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518" name="テキスト ボックス 517"/>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19" name="直線コネクタ 518"/>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520" name="テキスト ボックス 519"/>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1" name="直線コネクタ 52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22" name="テキスト ボックス 521"/>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3"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19743</xdr:rowOff>
    </xdr:from>
    <xdr:to>
      <xdr:col>116</xdr:col>
      <xdr:colOff>62864</xdr:colOff>
      <xdr:row>42</xdr:row>
      <xdr:rowOff>16328</xdr:rowOff>
    </xdr:to>
    <xdr:cxnSp macro="">
      <xdr:nvCxnSpPr>
        <xdr:cNvPr id="524" name="直線コネクタ 523"/>
        <xdr:cNvCxnSpPr/>
      </xdr:nvCxnSpPr>
      <xdr:spPr>
        <a:xfrm flipV="1">
          <a:off x="22160864" y="5606143"/>
          <a:ext cx="0" cy="1611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0155</xdr:rowOff>
    </xdr:from>
    <xdr:ext cx="469744" cy="259045"/>
    <xdr:sp macro="" textlink="">
      <xdr:nvSpPr>
        <xdr:cNvPr id="525" name="【認定こども園・幼稚園・保育所】&#10;一人当たり面積最小値テキスト"/>
        <xdr:cNvSpPr txBox="1"/>
      </xdr:nvSpPr>
      <xdr:spPr>
        <a:xfrm>
          <a:off x="22199600" y="7221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6328</xdr:rowOff>
    </xdr:from>
    <xdr:to>
      <xdr:col>116</xdr:col>
      <xdr:colOff>152400</xdr:colOff>
      <xdr:row>42</xdr:row>
      <xdr:rowOff>16328</xdr:rowOff>
    </xdr:to>
    <xdr:cxnSp macro="">
      <xdr:nvCxnSpPr>
        <xdr:cNvPr id="526" name="直線コネクタ 525"/>
        <xdr:cNvCxnSpPr/>
      </xdr:nvCxnSpPr>
      <xdr:spPr>
        <a:xfrm>
          <a:off x="22072600" y="7217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66420</xdr:rowOff>
    </xdr:from>
    <xdr:ext cx="469744" cy="259045"/>
    <xdr:sp macro="" textlink="">
      <xdr:nvSpPr>
        <xdr:cNvPr id="527" name="【認定こども園・幼稚園・保育所】&#10;一人当たり面積最大値テキスト"/>
        <xdr:cNvSpPr txBox="1"/>
      </xdr:nvSpPr>
      <xdr:spPr>
        <a:xfrm>
          <a:off x="22199600" y="5381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19743</xdr:rowOff>
    </xdr:from>
    <xdr:to>
      <xdr:col>116</xdr:col>
      <xdr:colOff>152400</xdr:colOff>
      <xdr:row>32</xdr:row>
      <xdr:rowOff>119743</xdr:rowOff>
    </xdr:to>
    <xdr:cxnSp macro="">
      <xdr:nvCxnSpPr>
        <xdr:cNvPr id="528" name="直線コネクタ 527"/>
        <xdr:cNvCxnSpPr/>
      </xdr:nvCxnSpPr>
      <xdr:spPr>
        <a:xfrm>
          <a:off x="22072600" y="5606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734</xdr:rowOff>
    </xdr:from>
    <xdr:ext cx="469744" cy="259045"/>
    <xdr:sp macro="" textlink="">
      <xdr:nvSpPr>
        <xdr:cNvPr id="529" name="【認定こども園・幼稚園・保育所】&#10;一人当たり面積平均値テキスト"/>
        <xdr:cNvSpPr txBox="1"/>
      </xdr:nvSpPr>
      <xdr:spPr>
        <a:xfrm>
          <a:off x="22199600" y="66912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53307</xdr:rowOff>
    </xdr:from>
    <xdr:to>
      <xdr:col>116</xdr:col>
      <xdr:colOff>114300</xdr:colOff>
      <xdr:row>40</xdr:row>
      <xdr:rowOff>83457</xdr:rowOff>
    </xdr:to>
    <xdr:sp macro="" textlink="">
      <xdr:nvSpPr>
        <xdr:cNvPr id="530" name="フローチャート: 判断 529"/>
        <xdr:cNvSpPr/>
      </xdr:nvSpPr>
      <xdr:spPr>
        <a:xfrm>
          <a:off x="221107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53307</xdr:rowOff>
    </xdr:from>
    <xdr:to>
      <xdr:col>112</xdr:col>
      <xdr:colOff>38100</xdr:colOff>
      <xdr:row>40</xdr:row>
      <xdr:rowOff>83457</xdr:rowOff>
    </xdr:to>
    <xdr:sp macro="" textlink="">
      <xdr:nvSpPr>
        <xdr:cNvPr id="531" name="フローチャート: 判断 530"/>
        <xdr:cNvSpPr/>
      </xdr:nvSpPr>
      <xdr:spPr>
        <a:xfrm>
          <a:off x="21272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1535</xdr:rowOff>
    </xdr:from>
    <xdr:to>
      <xdr:col>107</xdr:col>
      <xdr:colOff>101600</xdr:colOff>
      <xdr:row>40</xdr:row>
      <xdr:rowOff>61685</xdr:rowOff>
    </xdr:to>
    <xdr:sp macro="" textlink="">
      <xdr:nvSpPr>
        <xdr:cNvPr id="532" name="フローチャート: 判断 531"/>
        <xdr:cNvSpPr/>
      </xdr:nvSpPr>
      <xdr:spPr>
        <a:xfrm>
          <a:off x="20383500" y="681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4450</xdr:rowOff>
    </xdr:from>
    <xdr:to>
      <xdr:col>102</xdr:col>
      <xdr:colOff>165100</xdr:colOff>
      <xdr:row>39</xdr:row>
      <xdr:rowOff>146050</xdr:rowOff>
    </xdr:to>
    <xdr:sp macro="" textlink="">
      <xdr:nvSpPr>
        <xdr:cNvPr id="533" name="フローチャート: 判断 532"/>
        <xdr:cNvSpPr/>
      </xdr:nvSpPr>
      <xdr:spPr>
        <a:xfrm>
          <a:off x="19494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4" name="テキスト ボックス 53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5" name="テキスト ボックス 53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6" name="テキスト ボックス 53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7" name="テキスト ボックス 53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38" name="テキスト ボックス 53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39007</xdr:rowOff>
    </xdr:from>
    <xdr:to>
      <xdr:col>116</xdr:col>
      <xdr:colOff>114300</xdr:colOff>
      <xdr:row>41</xdr:row>
      <xdr:rowOff>140607</xdr:rowOff>
    </xdr:to>
    <xdr:sp macro="" textlink="">
      <xdr:nvSpPr>
        <xdr:cNvPr id="539" name="楕円 538"/>
        <xdr:cNvSpPr/>
      </xdr:nvSpPr>
      <xdr:spPr>
        <a:xfrm>
          <a:off x="22110700" y="7068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25384</xdr:rowOff>
    </xdr:from>
    <xdr:ext cx="469744" cy="259045"/>
    <xdr:sp macro="" textlink="">
      <xdr:nvSpPr>
        <xdr:cNvPr id="540" name="【認定こども園・幼稚園・保育所】&#10;一人当たり面積該当値テキスト"/>
        <xdr:cNvSpPr txBox="1"/>
      </xdr:nvSpPr>
      <xdr:spPr>
        <a:xfrm>
          <a:off x="22199600" y="6983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17235</xdr:rowOff>
    </xdr:from>
    <xdr:to>
      <xdr:col>112</xdr:col>
      <xdr:colOff>38100</xdr:colOff>
      <xdr:row>41</xdr:row>
      <xdr:rowOff>118835</xdr:rowOff>
    </xdr:to>
    <xdr:sp macro="" textlink="">
      <xdr:nvSpPr>
        <xdr:cNvPr id="541" name="楕円 540"/>
        <xdr:cNvSpPr/>
      </xdr:nvSpPr>
      <xdr:spPr>
        <a:xfrm>
          <a:off x="21272500" y="7046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68035</xdr:rowOff>
    </xdr:from>
    <xdr:to>
      <xdr:col>116</xdr:col>
      <xdr:colOff>63500</xdr:colOff>
      <xdr:row>41</xdr:row>
      <xdr:rowOff>89807</xdr:rowOff>
    </xdr:to>
    <xdr:cxnSp macro="">
      <xdr:nvCxnSpPr>
        <xdr:cNvPr id="542" name="直線コネクタ 541"/>
        <xdr:cNvCxnSpPr/>
      </xdr:nvCxnSpPr>
      <xdr:spPr>
        <a:xfrm>
          <a:off x="21323300" y="7097485"/>
          <a:ext cx="8382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66915</xdr:rowOff>
    </xdr:from>
    <xdr:to>
      <xdr:col>107</xdr:col>
      <xdr:colOff>101600</xdr:colOff>
      <xdr:row>41</xdr:row>
      <xdr:rowOff>97065</xdr:rowOff>
    </xdr:to>
    <xdr:sp macro="" textlink="">
      <xdr:nvSpPr>
        <xdr:cNvPr id="543" name="楕円 542"/>
        <xdr:cNvSpPr/>
      </xdr:nvSpPr>
      <xdr:spPr>
        <a:xfrm>
          <a:off x="20383500" y="7024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46265</xdr:rowOff>
    </xdr:from>
    <xdr:to>
      <xdr:col>111</xdr:col>
      <xdr:colOff>177800</xdr:colOff>
      <xdr:row>41</xdr:row>
      <xdr:rowOff>68035</xdr:rowOff>
    </xdr:to>
    <xdr:cxnSp macro="">
      <xdr:nvCxnSpPr>
        <xdr:cNvPr id="544" name="直線コネクタ 543"/>
        <xdr:cNvCxnSpPr/>
      </xdr:nvCxnSpPr>
      <xdr:spPr>
        <a:xfrm>
          <a:off x="20434300" y="7075715"/>
          <a:ext cx="8890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66915</xdr:rowOff>
    </xdr:from>
    <xdr:to>
      <xdr:col>102</xdr:col>
      <xdr:colOff>165100</xdr:colOff>
      <xdr:row>41</xdr:row>
      <xdr:rowOff>97065</xdr:rowOff>
    </xdr:to>
    <xdr:sp macro="" textlink="">
      <xdr:nvSpPr>
        <xdr:cNvPr id="545" name="楕円 544"/>
        <xdr:cNvSpPr/>
      </xdr:nvSpPr>
      <xdr:spPr>
        <a:xfrm>
          <a:off x="19494500" y="7024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46265</xdr:rowOff>
    </xdr:from>
    <xdr:to>
      <xdr:col>107</xdr:col>
      <xdr:colOff>50800</xdr:colOff>
      <xdr:row>41</xdr:row>
      <xdr:rowOff>46265</xdr:rowOff>
    </xdr:to>
    <xdr:cxnSp macro="">
      <xdr:nvCxnSpPr>
        <xdr:cNvPr id="546" name="直線コネクタ 545"/>
        <xdr:cNvCxnSpPr/>
      </xdr:nvCxnSpPr>
      <xdr:spPr>
        <a:xfrm>
          <a:off x="19545300" y="70757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99984</xdr:rowOff>
    </xdr:from>
    <xdr:ext cx="469744" cy="259045"/>
    <xdr:sp macro="" textlink="">
      <xdr:nvSpPr>
        <xdr:cNvPr id="547" name="n_1aveValue【認定こども園・幼稚園・保育所】&#10;一人当たり面積"/>
        <xdr:cNvSpPr txBox="1"/>
      </xdr:nvSpPr>
      <xdr:spPr>
        <a:xfrm>
          <a:off x="21075727" y="661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78212</xdr:rowOff>
    </xdr:from>
    <xdr:ext cx="469744" cy="259045"/>
    <xdr:sp macro="" textlink="">
      <xdr:nvSpPr>
        <xdr:cNvPr id="548" name="n_2aveValue【認定こども園・幼稚園・保育所】&#10;一人当たり面積"/>
        <xdr:cNvSpPr txBox="1"/>
      </xdr:nvSpPr>
      <xdr:spPr>
        <a:xfrm>
          <a:off x="20199427" y="6593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62577</xdr:rowOff>
    </xdr:from>
    <xdr:ext cx="469744" cy="259045"/>
    <xdr:sp macro="" textlink="">
      <xdr:nvSpPr>
        <xdr:cNvPr id="549" name="n_3aveValue【認定こども園・幼稚園・保育所】&#10;一人当たり面積"/>
        <xdr:cNvSpPr txBox="1"/>
      </xdr:nvSpPr>
      <xdr:spPr>
        <a:xfrm>
          <a:off x="19310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09962</xdr:rowOff>
    </xdr:from>
    <xdr:ext cx="469744" cy="259045"/>
    <xdr:sp macro="" textlink="">
      <xdr:nvSpPr>
        <xdr:cNvPr id="550" name="n_1mainValue【認定こども園・幼稚園・保育所】&#10;一人当たり面積"/>
        <xdr:cNvSpPr txBox="1"/>
      </xdr:nvSpPr>
      <xdr:spPr>
        <a:xfrm>
          <a:off x="21075727" y="7139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88192</xdr:rowOff>
    </xdr:from>
    <xdr:ext cx="469744" cy="259045"/>
    <xdr:sp macro="" textlink="">
      <xdr:nvSpPr>
        <xdr:cNvPr id="551" name="n_2mainValue【認定こども園・幼稚園・保育所】&#10;一人当たり面積"/>
        <xdr:cNvSpPr txBox="1"/>
      </xdr:nvSpPr>
      <xdr:spPr>
        <a:xfrm>
          <a:off x="20199427" y="7117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88192</xdr:rowOff>
    </xdr:from>
    <xdr:ext cx="469744" cy="259045"/>
    <xdr:sp macro="" textlink="">
      <xdr:nvSpPr>
        <xdr:cNvPr id="552" name="n_3mainValue【認定こども園・幼稚園・保育所】&#10;一人当たり面積"/>
        <xdr:cNvSpPr txBox="1"/>
      </xdr:nvSpPr>
      <xdr:spPr>
        <a:xfrm>
          <a:off x="19310427" y="7117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3" name="正方形/長方形 552"/>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4" name="正方形/長方形 553"/>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5" name="正方形/長方形 554"/>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6" name="正方形/長方形 555"/>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7" name="正方形/長方形 556"/>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8" name="正方形/長方形 557"/>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9" name="正方形/長方形 558"/>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60" name="正方形/長方形 559"/>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61" name="テキスト ボックス 560"/>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62" name="直線コネクタ 561"/>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63" name="テキスト ボックス 562"/>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3</xdr:row>
      <xdr:rowOff>57150</xdr:rowOff>
    </xdr:to>
    <xdr:cxnSp macro="">
      <xdr:nvCxnSpPr>
        <xdr:cNvPr id="564" name="直線コネクタ 563"/>
        <xdr:cNvCxnSpPr/>
      </xdr:nvCxnSpPr>
      <xdr:spPr>
        <a:xfrm>
          <a:off x="12446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86377</xdr:rowOff>
    </xdr:from>
    <xdr:ext cx="403059" cy="259045"/>
    <xdr:sp macro="" textlink="">
      <xdr:nvSpPr>
        <xdr:cNvPr id="565" name="テキスト ボックス 564"/>
        <xdr:cNvSpPr txBox="1"/>
      </xdr:nvSpPr>
      <xdr:spPr>
        <a:xfrm>
          <a:off x="12042941" y="1071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66" name="直線コネクタ 565"/>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67" name="テキスト ボックス 566"/>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114300</xdr:rowOff>
    </xdr:from>
    <xdr:to>
      <xdr:col>89</xdr:col>
      <xdr:colOff>177800</xdr:colOff>
      <xdr:row>56</xdr:row>
      <xdr:rowOff>114300</xdr:rowOff>
    </xdr:to>
    <xdr:cxnSp macro="">
      <xdr:nvCxnSpPr>
        <xdr:cNvPr id="568" name="直線コネクタ 567"/>
        <xdr:cNvCxnSpPr/>
      </xdr:nvCxnSpPr>
      <xdr:spPr>
        <a:xfrm>
          <a:off x="12446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143527</xdr:rowOff>
    </xdr:from>
    <xdr:ext cx="403059" cy="259045"/>
    <xdr:sp macro="" textlink="">
      <xdr:nvSpPr>
        <xdr:cNvPr id="569" name="テキスト ボックス 568"/>
        <xdr:cNvSpPr txBox="1"/>
      </xdr:nvSpPr>
      <xdr:spPr>
        <a:xfrm>
          <a:off x="12042941" y="957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70" name="直線コネクタ 569"/>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71" name="テキスト ボックス 570"/>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72"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31445</xdr:rowOff>
    </xdr:from>
    <xdr:to>
      <xdr:col>85</xdr:col>
      <xdr:colOff>126364</xdr:colOff>
      <xdr:row>62</xdr:row>
      <xdr:rowOff>108585</xdr:rowOff>
    </xdr:to>
    <xdr:cxnSp macro="">
      <xdr:nvCxnSpPr>
        <xdr:cNvPr id="573" name="直線コネクタ 572"/>
        <xdr:cNvCxnSpPr/>
      </xdr:nvCxnSpPr>
      <xdr:spPr>
        <a:xfrm flipV="1">
          <a:off x="16318864" y="9561195"/>
          <a:ext cx="0" cy="1177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12412</xdr:rowOff>
    </xdr:from>
    <xdr:ext cx="405111" cy="259045"/>
    <xdr:sp macro="" textlink="">
      <xdr:nvSpPr>
        <xdr:cNvPr id="574" name="【学校施設】&#10;有形固定資産減価償却率最小値テキスト"/>
        <xdr:cNvSpPr txBox="1"/>
      </xdr:nvSpPr>
      <xdr:spPr>
        <a:xfrm>
          <a:off x="16357600" y="10742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08585</xdr:rowOff>
    </xdr:from>
    <xdr:to>
      <xdr:col>86</xdr:col>
      <xdr:colOff>25400</xdr:colOff>
      <xdr:row>62</xdr:row>
      <xdr:rowOff>108585</xdr:rowOff>
    </xdr:to>
    <xdr:cxnSp macro="">
      <xdr:nvCxnSpPr>
        <xdr:cNvPr id="575" name="直線コネクタ 574"/>
        <xdr:cNvCxnSpPr/>
      </xdr:nvCxnSpPr>
      <xdr:spPr>
        <a:xfrm>
          <a:off x="16230600" y="10738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78122</xdr:rowOff>
    </xdr:from>
    <xdr:ext cx="405111" cy="259045"/>
    <xdr:sp macro="" textlink="">
      <xdr:nvSpPr>
        <xdr:cNvPr id="576" name="【学校施設】&#10;有形固定資産減価償却率最大値テキスト"/>
        <xdr:cNvSpPr txBox="1"/>
      </xdr:nvSpPr>
      <xdr:spPr>
        <a:xfrm>
          <a:off x="16357600" y="9336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31445</xdr:rowOff>
    </xdr:from>
    <xdr:to>
      <xdr:col>86</xdr:col>
      <xdr:colOff>25400</xdr:colOff>
      <xdr:row>55</xdr:row>
      <xdr:rowOff>131445</xdr:rowOff>
    </xdr:to>
    <xdr:cxnSp macro="">
      <xdr:nvCxnSpPr>
        <xdr:cNvPr id="577" name="直線コネクタ 576"/>
        <xdr:cNvCxnSpPr/>
      </xdr:nvCxnSpPr>
      <xdr:spPr>
        <a:xfrm>
          <a:off x="16230600" y="9561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6367</xdr:rowOff>
    </xdr:from>
    <xdr:ext cx="405111" cy="259045"/>
    <xdr:sp macro="" textlink="">
      <xdr:nvSpPr>
        <xdr:cNvPr id="578" name="【学校施設】&#10;有形固定資産減価償却率平均値テキスト"/>
        <xdr:cNvSpPr txBox="1"/>
      </xdr:nvSpPr>
      <xdr:spPr>
        <a:xfrm>
          <a:off x="16357600" y="97790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54940</xdr:rowOff>
    </xdr:from>
    <xdr:to>
      <xdr:col>85</xdr:col>
      <xdr:colOff>177800</xdr:colOff>
      <xdr:row>58</xdr:row>
      <xdr:rowOff>85090</xdr:rowOff>
    </xdr:to>
    <xdr:sp macro="" textlink="">
      <xdr:nvSpPr>
        <xdr:cNvPr id="579" name="フローチャート: 判断 578"/>
        <xdr:cNvSpPr/>
      </xdr:nvSpPr>
      <xdr:spPr>
        <a:xfrm>
          <a:off x="16268700" y="992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7</xdr:row>
      <xdr:rowOff>154940</xdr:rowOff>
    </xdr:from>
    <xdr:to>
      <xdr:col>81</xdr:col>
      <xdr:colOff>101600</xdr:colOff>
      <xdr:row>58</xdr:row>
      <xdr:rowOff>85090</xdr:rowOff>
    </xdr:to>
    <xdr:sp macro="" textlink="">
      <xdr:nvSpPr>
        <xdr:cNvPr id="580" name="フローチャート: 判断 579"/>
        <xdr:cNvSpPr/>
      </xdr:nvSpPr>
      <xdr:spPr>
        <a:xfrm>
          <a:off x="15430500" y="992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2065</xdr:rowOff>
    </xdr:from>
    <xdr:to>
      <xdr:col>76</xdr:col>
      <xdr:colOff>165100</xdr:colOff>
      <xdr:row>58</xdr:row>
      <xdr:rowOff>113665</xdr:rowOff>
    </xdr:to>
    <xdr:sp macro="" textlink="">
      <xdr:nvSpPr>
        <xdr:cNvPr id="581" name="フローチャート: 判断 580"/>
        <xdr:cNvSpPr/>
      </xdr:nvSpPr>
      <xdr:spPr>
        <a:xfrm>
          <a:off x="14541500" y="9956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32080</xdr:rowOff>
    </xdr:from>
    <xdr:to>
      <xdr:col>72</xdr:col>
      <xdr:colOff>38100</xdr:colOff>
      <xdr:row>59</xdr:row>
      <xdr:rowOff>62230</xdr:rowOff>
    </xdr:to>
    <xdr:sp macro="" textlink="">
      <xdr:nvSpPr>
        <xdr:cNvPr id="582" name="フローチャート: 判断 581"/>
        <xdr:cNvSpPr/>
      </xdr:nvSpPr>
      <xdr:spPr>
        <a:xfrm>
          <a:off x="13652500" y="100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83" name="テキスト ボックス 58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4" name="テキスト ボックス 58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85" name="テキスト ボックス 58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86" name="テキスト ボックス 58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87" name="テキスト ボックス 58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57785</xdr:rowOff>
    </xdr:from>
    <xdr:to>
      <xdr:col>85</xdr:col>
      <xdr:colOff>177800</xdr:colOff>
      <xdr:row>62</xdr:row>
      <xdr:rowOff>159385</xdr:rowOff>
    </xdr:to>
    <xdr:sp macro="" textlink="">
      <xdr:nvSpPr>
        <xdr:cNvPr id="588" name="楕円 587"/>
        <xdr:cNvSpPr/>
      </xdr:nvSpPr>
      <xdr:spPr>
        <a:xfrm>
          <a:off x="16268700" y="10687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44162</xdr:rowOff>
    </xdr:from>
    <xdr:ext cx="405111" cy="259045"/>
    <xdr:sp macro="" textlink="">
      <xdr:nvSpPr>
        <xdr:cNvPr id="589" name="【学校施設】&#10;有形固定資産減価償却率該当値テキスト"/>
        <xdr:cNvSpPr txBox="1"/>
      </xdr:nvSpPr>
      <xdr:spPr>
        <a:xfrm>
          <a:off x="16357600" y="10602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52070</xdr:rowOff>
    </xdr:from>
    <xdr:to>
      <xdr:col>81</xdr:col>
      <xdr:colOff>101600</xdr:colOff>
      <xdr:row>62</xdr:row>
      <xdr:rowOff>153670</xdr:rowOff>
    </xdr:to>
    <xdr:sp macro="" textlink="">
      <xdr:nvSpPr>
        <xdr:cNvPr id="590" name="楕円 589"/>
        <xdr:cNvSpPr/>
      </xdr:nvSpPr>
      <xdr:spPr>
        <a:xfrm>
          <a:off x="15430500" y="10681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02870</xdr:rowOff>
    </xdr:from>
    <xdr:to>
      <xdr:col>85</xdr:col>
      <xdr:colOff>127000</xdr:colOff>
      <xdr:row>62</xdr:row>
      <xdr:rowOff>108585</xdr:rowOff>
    </xdr:to>
    <xdr:cxnSp macro="">
      <xdr:nvCxnSpPr>
        <xdr:cNvPr id="591" name="直線コネクタ 590"/>
        <xdr:cNvCxnSpPr/>
      </xdr:nvCxnSpPr>
      <xdr:spPr>
        <a:xfrm>
          <a:off x="15481300" y="10732770"/>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69215</xdr:rowOff>
    </xdr:from>
    <xdr:to>
      <xdr:col>76</xdr:col>
      <xdr:colOff>165100</xdr:colOff>
      <xdr:row>62</xdr:row>
      <xdr:rowOff>170815</xdr:rowOff>
    </xdr:to>
    <xdr:sp macro="" textlink="">
      <xdr:nvSpPr>
        <xdr:cNvPr id="592" name="楕円 591"/>
        <xdr:cNvSpPr/>
      </xdr:nvSpPr>
      <xdr:spPr>
        <a:xfrm>
          <a:off x="14541500" y="10699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02870</xdr:rowOff>
    </xdr:from>
    <xdr:to>
      <xdr:col>81</xdr:col>
      <xdr:colOff>50800</xdr:colOff>
      <xdr:row>62</xdr:row>
      <xdr:rowOff>120015</xdr:rowOff>
    </xdr:to>
    <xdr:cxnSp macro="">
      <xdr:nvCxnSpPr>
        <xdr:cNvPr id="593" name="直線コネクタ 592"/>
        <xdr:cNvCxnSpPr/>
      </xdr:nvCxnSpPr>
      <xdr:spPr>
        <a:xfrm flipV="1">
          <a:off x="14592300" y="10732770"/>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37795</xdr:rowOff>
    </xdr:from>
    <xdr:to>
      <xdr:col>72</xdr:col>
      <xdr:colOff>38100</xdr:colOff>
      <xdr:row>63</xdr:row>
      <xdr:rowOff>67945</xdr:rowOff>
    </xdr:to>
    <xdr:sp macro="" textlink="">
      <xdr:nvSpPr>
        <xdr:cNvPr id="594" name="楕円 593"/>
        <xdr:cNvSpPr/>
      </xdr:nvSpPr>
      <xdr:spPr>
        <a:xfrm>
          <a:off x="13652500" y="10767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20015</xdr:rowOff>
    </xdr:from>
    <xdr:to>
      <xdr:col>76</xdr:col>
      <xdr:colOff>114300</xdr:colOff>
      <xdr:row>63</xdr:row>
      <xdr:rowOff>17145</xdr:rowOff>
    </xdr:to>
    <xdr:cxnSp macro="">
      <xdr:nvCxnSpPr>
        <xdr:cNvPr id="595" name="直線コネクタ 594"/>
        <xdr:cNvCxnSpPr/>
      </xdr:nvCxnSpPr>
      <xdr:spPr>
        <a:xfrm flipV="1">
          <a:off x="13703300" y="10749915"/>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6</xdr:row>
      <xdr:rowOff>101617</xdr:rowOff>
    </xdr:from>
    <xdr:ext cx="405111" cy="259045"/>
    <xdr:sp macro="" textlink="">
      <xdr:nvSpPr>
        <xdr:cNvPr id="596" name="n_1aveValue【学校施設】&#10;有形固定資産減価償却率"/>
        <xdr:cNvSpPr txBox="1"/>
      </xdr:nvSpPr>
      <xdr:spPr>
        <a:xfrm>
          <a:off x="15266044" y="970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30192</xdr:rowOff>
    </xdr:from>
    <xdr:ext cx="405111" cy="259045"/>
    <xdr:sp macro="" textlink="">
      <xdr:nvSpPr>
        <xdr:cNvPr id="597" name="n_2aveValue【学校施設】&#10;有形固定資産減価償却率"/>
        <xdr:cNvSpPr txBox="1"/>
      </xdr:nvSpPr>
      <xdr:spPr>
        <a:xfrm>
          <a:off x="14389744" y="973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78757</xdr:rowOff>
    </xdr:from>
    <xdr:ext cx="405111" cy="259045"/>
    <xdr:sp macro="" textlink="">
      <xdr:nvSpPr>
        <xdr:cNvPr id="598" name="n_3aveValue【学校施設】&#10;有形固定資産減価償却率"/>
        <xdr:cNvSpPr txBox="1"/>
      </xdr:nvSpPr>
      <xdr:spPr>
        <a:xfrm>
          <a:off x="13500744" y="985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44797</xdr:rowOff>
    </xdr:from>
    <xdr:ext cx="405111" cy="259045"/>
    <xdr:sp macro="" textlink="">
      <xdr:nvSpPr>
        <xdr:cNvPr id="599" name="n_1mainValue【学校施設】&#10;有形固定資産減価償却率"/>
        <xdr:cNvSpPr txBox="1"/>
      </xdr:nvSpPr>
      <xdr:spPr>
        <a:xfrm>
          <a:off x="15266044" y="10774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61942</xdr:rowOff>
    </xdr:from>
    <xdr:ext cx="405111" cy="259045"/>
    <xdr:sp macro="" textlink="">
      <xdr:nvSpPr>
        <xdr:cNvPr id="600" name="n_2mainValue【学校施設】&#10;有形固定資産減価償却率"/>
        <xdr:cNvSpPr txBox="1"/>
      </xdr:nvSpPr>
      <xdr:spPr>
        <a:xfrm>
          <a:off x="14389744" y="10791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59072</xdr:rowOff>
    </xdr:from>
    <xdr:ext cx="405111" cy="259045"/>
    <xdr:sp macro="" textlink="">
      <xdr:nvSpPr>
        <xdr:cNvPr id="601" name="n_3mainValue【学校施設】&#10;有形固定資産減価償却率"/>
        <xdr:cNvSpPr txBox="1"/>
      </xdr:nvSpPr>
      <xdr:spPr>
        <a:xfrm>
          <a:off x="13500744" y="1086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02" name="正方形/長方形 60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03" name="正方形/長方形 60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04" name="正方形/長方形 60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5" name="正方形/長方形 60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06" name="正方形/長方形 60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07" name="正方形/長方形 60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08" name="正方形/長方形 60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09" name="正方形/長方形 60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10" name="テキスト ボックス 60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11" name="直線コネクタ 61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12" name="テキスト ボックス 611"/>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13" name="直線コネクタ 612"/>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14" name="テキスト ボックス 613"/>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15" name="直線コネクタ 614"/>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16" name="テキスト ボックス 615"/>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17" name="直線コネクタ 616"/>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18" name="テキスト ボックス 617"/>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19" name="直線コネクタ 618"/>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20" name="テキスト ボックス 619"/>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21" name="直線コネクタ 620"/>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22" name="テキスト ボックス 621"/>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3" name="直線コネクタ 62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24" name="テキスト ボックス 62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2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87630</xdr:rowOff>
    </xdr:from>
    <xdr:to>
      <xdr:col>116</xdr:col>
      <xdr:colOff>62864</xdr:colOff>
      <xdr:row>64</xdr:row>
      <xdr:rowOff>1270</xdr:rowOff>
    </xdr:to>
    <xdr:cxnSp macro="">
      <xdr:nvCxnSpPr>
        <xdr:cNvPr id="626" name="直線コネクタ 625"/>
        <xdr:cNvCxnSpPr/>
      </xdr:nvCxnSpPr>
      <xdr:spPr>
        <a:xfrm flipV="1">
          <a:off x="22160864" y="9688830"/>
          <a:ext cx="0" cy="1285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097</xdr:rowOff>
    </xdr:from>
    <xdr:ext cx="469744" cy="259045"/>
    <xdr:sp macro="" textlink="">
      <xdr:nvSpPr>
        <xdr:cNvPr id="627" name="【学校施設】&#10;一人当たり面積最小値テキスト"/>
        <xdr:cNvSpPr txBox="1"/>
      </xdr:nvSpPr>
      <xdr:spPr>
        <a:xfrm>
          <a:off x="22199600" y="10977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70</xdr:rowOff>
    </xdr:from>
    <xdr:to>
      <xdr:col>116</xdr:col>
      <xdr:colOff>152400</xdr:colOff>
      <xdr:row>64</xdr:row>
      <xdr:rowOff>1270</xdr:rowOff>
    </xdr:to>
    <xdr:cxnSp macro="">
      <xdr:nvCxnSpPr>
        <xdr:cNvPr id="628" name="直線コネクタ 627"/>
        <xdr:cNvCxnSpPr/>
      </xdr:nvCxnSpPr>
      <xdr:spPr>
        <a:xfrm>
          <a:off x="22072600" y="10974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34307</xdr:rowOff>
    </xdr:from>
    <xdr:ext cx="469744" cy="259045"/>
    <xdr:sp macro="" textlink="">
      <xdr:nvSpPr>
        <xdr:cNvPr id="629" name="【学校施設】&#10;一人当たり面積最大値テキスト"/>
        <xdr:cNvSpPr txBox="1"/>
      </xdr:nvSpPr>
      <xdr:spPr>
        <a:xfrm>
          <a:off x="22199600" y="9464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87630</xdr:rowOff>
    </xdr:from>
    <xdr:to>
      <xdr:col>116</xdr:col>
      <xdr:colOff>152400</xdr:colOff>
      <xdr:row>56</xdr:row>
      <xdr:rowOff>87630</xdr:rowOff>
    </xdr:to>
    <xdr:cxnSp macro="">
      <xdr:nvCxnSpPr>
        <xdr:cNvPr id="630" name="直線コネクタ 629"/>
        <xdr:cNvCxnSpPr/>
      </xdr:nvCxnSpPr>
      <xdr:spPr>
        <a:xfrm>
          <a:off x="22072600" y="9688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26687</xdr:rowOff>
    </xdr:from>
    <xdr:ext cx="469744" cy="259045"/>
    <xdr:sp macro="" textlink="">
      <xdr:nvSpPr>
        <xdr:cNvPr id="631" name="【学校施設】&#10;一人当たり面積平均値テキスト"/>
        <xdr:cNvSpPr txBox="1"/>
      </xdr:nvSpPr>
      <xdr:spPr>
        <a:xfrm>
          <a:off x="22199600" y="104851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810</xdr:rowOff>
    </xdr:from>
    <xdr:to>
      <xdr:col>116</xdr:col>
      <xdr:colOff>114300</xdr:colOff>
      <xdr:row>62</xdr:row>
      <xdr:rowOff>105410</xdr:rowOff>
    </xdr:to>
    <xdr:sp macro="" textlink="">
      <xdr:nvSpPr>
        <xdr:cNvPr id="632" name="フローチャート: 判断 631"/>
        <xdr:cNvSpPr/>
      </xdr:nvSpPr>
      <xdr:spPr>
        <a:xfrm>
          <a:off x="22110700" y="10633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2540</xdr:rowOff>
    </xdr:from>
    <xdr:to>
      <xdr:col>112</xdr:col>
      <xdr:colOff>38100</xdr:colOff>
      <xdr:row>62</xdr:row>
      <xdr:rowOff>104140</xdr:rowOff>
    </xdr:to>
    <xdr:sp macro="" textlink="">
      <xdr:nvSpPr>
        <xdr:cNvPr id="633" name="フローチャート: 判断 632"/>
        <xdr:cNvSpPr/>
      </xdr:nvSpPr>
      <xdr:spPr>
        <a:xfrm>
          <a:off x="21272500" y="106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270</xdr:rowOff>
    </xdr:from>
    <xdr:to>
      <xdr:col>107</xdr:col>
      <xdr:colOff>101600</xdr:colOff>
      <xdr:row>62</xdr:row>
      <xdr:rowOff>102870</xdr:rowOff>
    </xdr:to>
    <xdr:sp macro="" textlink="">
      <xdr:nvSpPr>
        <xdr:cNvPr id="634" name="フローチャート: 判断 633"/>
        <xdr:cNvSpPr/>
      </xdr:nvSpPr>
      <xdr:spPr>
        <a:xfrm>
          <a:off x="20383500" y="1063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7780</xdr:rowOff>
    </xdr:from>
    <xdr:to>
      <xdr:col>102</xdr:col>
      <xdr:colOff>165100</xdr:colOff>
      <xdr:row>62</xdr:row>
      <xdr:rowOff>119380</xdr:rowOff>
    </xdr:to>
    <xdr:sp macro="" textlink="">
      <xdr:nvSpPr>
        <xdr:cNvPr id="635" name="フローチャート: 判断 634"/>
        <xdr:cNvSpPr/>
      </xdr:nvSpPr>
      <xdr:spPr>
        <a:xfrm>
          <a:off x="194945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36" name="テキスト ボックス 63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37" name="テキスト ボックス 63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38" name="テキスト ボックス 63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39" name="テキスト ボックス 63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0" name="テキスト ボックス 63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21920</xdr:rowOff>
    </xdr:from>
    <xdr:to>
      <xdr:col>116</xdr:col>
      <xdr:colOff>114300</xdr:colOff>
      <xdr:row>64</xdr:row>
      <xdr:rowOff>52070</xdr:rowOff>
    </xdr:to>
    <xdr:sp macro="" textlink="">
      <xdr:nvSpPr>
        <xdr:cNvPr id="641" name="楕円 640"/>
        <xdr:cNvSpPr/>
      </xdr:nvSpPr>
      <xdr:spPr>
        <a:xfrm>
          <a:off x="22110700" y="1092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36847</xdr:rowOff>
    </xdr:from>
    <xdr:ext cx="469744" cy="259045"/>
    <xdr:sp macro="" textlink="">
      <xdr:nvSpPr>
        <xdr:cNvPr id="642" name="【学校施設】&#10;一人当たり面積該当値テキスト"/>
        <xdr:cNvSpPr txBox="1"/>
      </xdr:nvSpPr>
      <xdr:spPr>
        <a:xfrm>
          <a:off x="22199600" y="10838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25730</xdr:rowOff>
    </xdr:from>
    <xdr:to>
      <xdr:col>112</xdr:col>
      <xdr:colOff>38100</xdr:colOff>
      <xdr:row>64</xdr:row>
      <xdr:rowOff>55880</xdr:rowOff>
    </xdr:to>
    <xdr:sp macro="" textlink="">
      <xdr:nvSpPr>
        <xdr:cNvPr id="643" name="楕円 642"/>
        <xdr:cNvSpPr/>
      </xdr:nvSpPr>
      <xdr:spPr>
        <a:xfrm>
          <a:off x="21272500" y="10927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270</xdr:rowOff>
    </xdr:from>
    <xdr:to>
      <xdr:col>116</xdr:col>
      <xdr:colOff>63500</xdr:colOff>
      <xdr:row>64</xdr:row>
      <xdr:rowOff>5080</xdr:rowOff>
    </xdr:to>
    <xdr:cxnSp macro="">
      <xdr:nvCxnSpPr>
        <xdr:cNvPr id="644" name="直線コネクタ 643"/>
        <xdr:cNvCxnSpPr/>
      </xdr:nvCxnSpPr>
      <xdr:spPr>
        <a:xfrm flipV="1">
          <a:off x="21323300" y="1097407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16840</xdr:rowOff>
    </xdr:from>
    <xdr:to>
      <xdr:col>107</xdr:col>
      <xdr:colOff>101600</xdr:colOff>
      <xdr:row>64</xdr:row>
      <xdr:rowOff>46990</xdr:rowOff>
    </xdr:to>
    <xdr:sp macro="" textlink="">
      <xdr:nvSpPr>
        <xdr:cNvPr id="645" name="楕円 644"/>
        <xdr:cNvSpPr/>
      </xdr:nvSpPr>
      <xdr:spPr>
        <a:xfrm>
          <a:off x="20383500" y="10918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67640</xdr:rowOff>
    </xdr:from>
    <xdr:to>
      <xdr:col>111</xdr:col>
      <xdr:colOff>177800</xdr:colOff>
      <xdr:row>64</xdr:row>
      <xdr:rowOff>5080</xdr:rowOff>
    </xdr:to>
    <xdr:cxnSp macro="">
      <xdr:nvCxnSpPr>
        <xdr:cNvPr id="646" name="直線コネクタ 645"/>
        <xdr:cNvCxnSpPr/>
      </xdr:nvCxnSpPr>
      <xdr:spPr>
        <a:xfrm>
          <a:off x="20434300" y="10968990"/>
          <a:ext cx="889000" cy="8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15570</xdr:rowOff>
    </xdr:from>
    <xdr:to>
      <xdr:col>102</xdr:col>
      <xdr:colOff>165100</xdr:colOff>
      <xdr:row>64</xdr:row>
      <xdr:rowOff>45720</xdr:rowOff>
    </xdr:to>
    <xdr:sp macro="" textlink="">
      <xdr:nvSpPr>
        <xdr:cNvPr id="647" name="楕円 646"/>
        <xdr:cNvSpPr/>
      </xdr:nvSpPr>
      <xdr:spPr>
        <a:xfrm>
          <a:off x="19494500" y="1091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66370</xdr:rowOff>
    </xdr:from>
    <xdr:to>
      <xdr:col>107</xdr:col>
      <xdr:colOff>50800</xdr:colOff>
      <xdr:row>63</xdr:row>
      <xdr:rowOff>167640</xdr:rowOff>
    </xdr:to>
    <xdr:cxnSp macro="">
      <xdr:nvCxnSpPr>
        <xdr:cNvPr id="648" name="直線コネクタ 647"/>
        <xdr:cNvCxnSpPr/>
      </xdr:nvCxnSpPr>
      <xdr:spPr>
        <a:xfrm>
          <a:off x="19545300" y="1096772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20667</xdr:rowOff>
    </xdr:from>
    <xdr:ext cx="469744" cy="259045"/>
    <xdr:sp macro="" textlink="">
      <xdr:nvSpPr>
        <xdr:cNvPr id="649" name="n_1aveValue【学校施設】&#10;一人当たり面積"/>
        <xdr:cNvSpPr txBox="1"/>
      </xdr:nvSpPr>
      <xdr:spPr>
        <a:xfrm>
          <a:off x="21075727" y="10407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19397</xdr:rowOff>
    </xdr:from>
    <xdr:ext cx="469744" cy="259045"/>
    <xdr:sp macro="" textlink="">
      <xdr:nvSpPr>
        <xdr:cNvPr id="650" name="n_2aveValue【学校施設】&#10;一人当たり面積"/>
        <xdr:cNvSpPr txBox="1"/>
      </xdr:nvSpPr>
      <xdr:spPr>
        <a:xfrm>
          <a:off x="20199427" y="10406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35907</xdr:rowOff>
    </xdr:from>
    <xdr:ext cx="469744" cy="259045"/>
    <xdr:sp macro="" textlink="">
      <xdr:nvSpPr>
        <xdr:cNvPr id="651" name="n_3aveValue【学校施設】&#10;一人当たり面積"/>
        <xdr:cNvSpPr txBox="1"/>
      </xdr:nvSpPr>
      <xdr:spPr>
        <a:xfrm>
          <a:off x="19310427" y="1042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47007</xdr:rowOff>
    </xdr:from>
    <xdr:ext cx="469744" cy="259045"/>
    <xdr:sp macro="" textlink="">
      <xdr:nvSpPr>
        <xdr:cNvPr id="652" name="n_1mainValue【学校施設】&#10;一人当たり面積"/>
        <xdr:cNvSpPr txBox="1"/>
      </xdr:nvSpPr>
      <xdr:spPr>
        <a:xfrm>
          <a:off x="21075727" y="11019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38117</xdr:rowOff>
    </xdr:from>
    <xdr:ext cx="469744" cy="259045"/>
    <xdr:sp macro="" textlink="">
      <xdr:nvSpPr>
        <xdr:cNvPr id="653" name="n_2mainValue【学校施設】&#10;一人当たり面積"/>
        <xdr:cNvSpPr txBox="1"/>
      </xdr:nvSpPr>
      <xdr:spPr>
        <a:xfrm>
          <a:off x="20199427" y="11010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36847</xdr:rowOff>
    </xdr:from>
    <xdr:ext cx="469744" cy="259045"/>
    <xdr:sp macro="" textlink="">
      <xdr:nvSpPr>
        <xdr:cNvPr id="654" name="n_3mainValue【学校施設】&#10;一人当たり面積"/>
        <xdr:cNvSpPr txBox="1"/>
      </xdr:nvSpPr>
      <xdr:spPr>
        <a:xfrm>
          <a:off x="19310427" y="11009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55" name="正方形/長方形 65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56" name="正方形/長方形 65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57" name="正方形/長方形 65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58" name="正方形/長方形 65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59" name="正方形/長方形 65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60" name="正方形/長方形 65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1" name="正方形/長方形 66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2" name="正方形/長方形 661"/>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63" name="テキスト ボックス 662"/>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64" name="直線コネクタ 663"/>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665" name="テキスト ボックス 664"/>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7</xdr:row>
      <xdr:rowOff>38100</xdr:rowOff>
    </xdr:from>
    <xdr:to>
      <xdr:col>89</xdr:col>
      <xdr:colOff>177800</xdr:colOff>
      <xdr:row>87</xdr:row>
      <xdr:rowOff>38100</xdr:rowOff>
    </xdr:to>
    <xdr:cxnSp macro="">
      <xdr:nvCxnSpPr>
        <xdr:cNvPr id="666" name="直線コネクタ 665"/>
        <xdr:cNvCxnSpPr/>
      </xdr:nvCxnSpPr>
      <xdr:spPr>
        <a:xfrm>
          <a:off x="12446000" y="1495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6</xdr:row>
      <xdr:rowOff>67327</xdr:rowOff>
    </xdr:from>
    <xdr:ext cx="403059" cy="259045"/>
    <xdr:sp macro="" textlink="">
      <xdr:nvSpPr>
        <xdr:cNvPr id="667" name="テキスト ボックス 666"/>
        <xdr:cNvSpPr txBox="1"/>
      </xdr:nvSpPr>
      <xdr:spPr>
        <a:xfrm>
          <a:off x="12042941" y="1481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95250</xdr:rowOff>
    </xdr:from>
    <xdr:to>
      <xdr:col>89</xdr:col>
      <xdr:colOff>177800</xdr:colOff>
      <xdr:row>85</xdr:row>
      <xdr:rowOff>95250</xdr:rowOff>
    </xdr:to>
    <xdr:cxnSp macro="">
      <xdr:nvCxnSpPr>
        <xdr:cNvPr id="668" name="直線コネクタ 667"/>
        <xdr:cNvCxnSpPr/>
      </xdr:nvCxnSpPr>
      <xdr:spPr>
        <a:xfrm>
          <a:off x="12446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124477</xdr:rowOff>
    </xdr:from>
    <xdr:ext cx="403059" cy="259045"/>
    <xdr:sp macro="" textlink="">
      <xdr:nvSpPr>
        <xdr:cNvPr id="669" name="テキスト ボックス 668"/>
        <xdr:cNvSpPr txBox="1"/>
      </xdr:nvSpPr>
      <xdr:spPr>
        <a:xfrm>
          <a:off x="12042941" y="1452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152400</xdr:rowOff>
    </xdr:from>
    <xdr:to>
      <xdr:col>89</xdr:col>
      <xdr:colOff>177800</xdr:colOff>
      <xdr:row>83</xdr:row>
      <xdr:rowOff>152400</xdr:rowOff>
    </xdr:to>
    <xdr:cxnSp macro="">
      <xdr:nvCxnSpPr>
        <xdr:cNvPr id="670" name="直線コネクタ 669"/>
        <xdr:cNvCxnSpPr/>
      </xdr:nvCxnSpPr>
      <xdr:spPr>
        <a:xfrm>
          <a:off x="12446000" y="1438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177</xdr:rowOff>
    </xdr:from>
    <xdr:ext cx="403059" cy="259045"/>
    <xdr:sp macro="" textlink="">
      <xdr:nvSpPr>
        <xdr:cNvPr id="671" name="テキスト ボックス 670"/>
        <xdr:cNvSpPr txBox="1"/>
      </xdr:nvSpPr>
      <xdr:spPr>
        <a:xfrm>
          <a:off x="12042941" y="1424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72" name="直線コネクタ 671"/>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73" name="テキスト ボックス 672"/>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95250</xdr:rowOff>
    </xdr:from>
    <xdr:to>
      <xdr:col>89</xdr:col>
      <xdr:colOff>177800</xdr:colOff>
      <xdr:row>80</xdr:row>
      <xdr:rowOff>95250</xdr:rowOff>
    </xdr:to>
    <xdr:cxnSp macro="">
      <xdr:nvCxnSpPr>
        <xdr:cNvPr id="674" name="直線コネクタ 673"/>
        <xdr:cNvCxnSpPr/>
      </xdr:nvCxnSpPr>
      <xdr:spPr>
        <a:xfrm>
          <a:off x="12446000" y="1381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124477</xdr:rowOff>
    </xdr:from>
    <xdr:ext cx="403059" cy="259045"/>
    <xdr:sp macro="" textlink="">
      <xdr:nvSpPr>
        <xdr:cNvPr id="675" name="テキスト ボックス 674"/>
        <xdr:cNvSpPr txBox="1"/>
      </xdr:nvSpPr>
      <xdr:spPr>
        <a:xfrm>
          <a:off x="1204294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52400</xdr:rowOff>
    </xdr:from>
    <xdr:to>
      <xdr:col>89</xdr:col>
      <xdr:colOff>177800</xdr:colOff>
      <xdr:row>78</xdr:row>
      <xdr:rowOff>152400</xdr:rowOff>
    </xdr:to>
    <xdr:cxnSp macro="">
      <xdr:nvCxnSpPr>
        <xdr:cNvPr id="676" name="直線コネクタ 675"/>
        <xdr:cNvCxnSpPr/>
      </xdr:nvCxnSpPr>
      <xdr:spPr>
        <a:xfrm>
          <a:off x="12446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10177</xdr:rowOff>
    </xdr:from>
    <xdr:ext cx="403059" cy="259045"/>
    <xdr:sp macro="" textlink="">
      <xdr:nvSpPr>
        <xdr:cNvPr id="677" name="テキスト ボックス 676"/>
        <xdr:cNvSpPr txBox="1"/>
      </xdr:nvSpPr>
      <xdr:spPr>
        <a:xfrm>
          <a:off x="12042941" y="1338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38100</xdr:rowOff>
    </xdr:from>
    <xdr:to>
      <xdr:col>89</xdr:col>
      <xdr:colOff>177800</xdr:colOff>
      <xdr:row>77</xdr:row>
      <xdr:rowOff>38100</xdr:rowOff>
    </xdr:to>
    <xdr:cxnSp macro="">
      <xdr:nvCxnSpPr>
        <xdr:cNvPr id="678" name="直線コネクタ 677"/>
        <xdr:cNvCxnSpPr/>
      </xdr:nvCxnSpPr>
      <xdr:spPr>
        <a:xfrm>
          <a:off x="12446000" y="1323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67327</xdr:rowOff>
    </xdr:from>
    <xdr:ext cx="403059" cy="259045"/>
    <xdr:sp macro="" textlink="">
      <xdr:nvSpPr>
        <xdr:cNvPr id="679" name="テキスト ボックス 678"/>
        <xdr:cNvSpPr txBox="1"/>
      </xdr:nvSpPr>
      <xdr:spPr>
        <a:xfrm>
          <a:off x="12042941" y="1309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80" name="直線コネクタ 679"/>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681" name="テキスト ボックス 680"/>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82"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49530</xdr:rowOff>
    </xdr:from>
    <xdr:to>
      <xdr:col>85</xdr:col>
      <xdr:colOff>126364</xdr:colOff>
      <xdr:row>86</xdr:row>
      <xdr:rowOff>35243</xdr:rowOff>
    </xdr:to>
    <xdr:cxnSp macro="">
      <xdr:nvCxnSpPr>
        <xdr:cNvPr id="683" name="直線コネクタ 682"/>
        <xdr:cNvCxnSpPr/>
      </xdr:nvCxnSpPr>
      <xdr:spPr>
        <a:xfrm flipV="1">
          <a:off x="16318864" y="13422630"/>
          <a:ext cx="0" cy="13573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39070</xdr:rowOff>
    </xdr:from>
    <xdr:ext cx="405111" cy="259045"/>
    <xdr:sp macro="" textlink="">
      <xdr:nvSpPr>
        <xdr:cNvPr id="684" name="【児童館】&#10;有形固定資産減価償却率最小値テキスト"/>
        <xdr:cNvSpPr txBox="1"/>
      </xdr:nvSpPr>
      <xdr:spPr>
        <a:xfrm>
          <a:off x="16357600" y="14783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5243</xdr:rowOff>
    </xdr:from>
    <xdr:to>
      <xdr:col>86</xdr:col>
      <xdr:colOff>25400</xdr:colOff>
      <xdr:row>86</xdr:row>
      <xdr:rowOff>35243</xdr:rowOff>
    </xdr:to>
    <xdr:cxnSp macro="">
      <xdr:nvCxnSpPr>
        <xdr:cNvPr id="685" name="直線コネクタ 684"/>
        <xdr:cNvCxnSpPr/>
      </xdr:nvCxnSpPr>
      <xdr:spPr>
        <a:xfrm>
          <a:off x="16230600" y="147799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67657</xdr:rowOff>
    </xdr:from>
    <xdr:ext cx="405111" cy="259045"/>
    <xdr:sp macro="" textlink="">
      <xdr:nvSpPr>
        <xdr:cNvPr id="686" name="【児童館】&#10;有形固定資産減価償却率最大値テキスト"/>
        <xdr:cNvSpPr txBox="1"/>
      </xdr:nvSpPr>
      <xdr:spPr>
        <a:xfrm>
          <a:off x="16357600" y="1319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9530</xdr:rowOff>
    </xdr:from>
    <xdr:to>
      <xdr:col>86</xdr:col>
      <xdr:colOff>25400</xdr:colOff>
      <xdr:row>78</xdr:row>
      <xdr:rowOff>49530</xdr:rowOff>
    </xdr:to>
    <xdr:cxnSp macro="">
      <xdr:nvCxnSpPr>
        <xdr:cNvPr id="687" name="直線コネクタ 686"/>
        <xdr:cNvCxnSpPr/>
      </xdr:nvCxnSpPr>
      <xdr:spPr>
        <a:xfrm>
          <a:off x="16230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17175</xdr:rowOff>
    </xdr:from>
    <xdr:ext cx="405111" cy="259045"/>
    <xdr:sp macro="" textlink="">
      <xdr:nvSpPr>
        <xdr:cNvPr id="688" name="【児童館】&#10;有形固定資産減価償却率平均値テキスト"/>
        <xdr:cNvSpPr txBox="1"/>
      </xdr:nvSpPr>
      <xdr:spPr>
        <a:xfrm>
          <a:off x="16357600" y="140046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38748</xdr:rowOff>
    </xdr:from>
    <xdr:to>
      <xdr:col>85</xdr:col>
      <xdr:colOff>177800</xdr:colOff>
      <xdr:row>82</xdr:row>
      <xdr:rowOff>68898</xdr:rowOff>
    </xdr:to>
    <xdr:sp macro="" textlink="">
      <xdr:nvSpPr>
        <xdr:cNvPr id="689" name="フローチャート: 判断 688"/>
        <xdr:cNvSpPr/>
      </xdr:nvSpPr>
      <xdr:spPr>
        <a:xfrm>
          <a:off x="16268700" y="14026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58750</xdr:rowOff>
    </xdr:from>
    <xdr:to>
      <xdr:col>81</xdr:col>
      <xdr:colOff>101600</xdr:colOff>
      <xdr:row>82</xdr:row>
      <xdr:rowOff>88900</xdr:rowOff>
    </xdr:to>
    <xdr:sp macro="" textlink="">
      <xdr:nvSpPr>
        <xdr:cNvPr id="690" name="フローチャート: 判断 689"/>
        <xdr:cNvSpPr/>
      </xdr:nvSpPr>
      <xdr:spPr>
        <a:xfrm>
          <a:off x="15430500" y="1404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61607</xdr:rowOff>
    </xdr:from>
    <xdr:to>
      <xdr:col>76</xdr:col>
      <xdr:colOff>165100</xdr:colOff>
      <xdr:row>82</xdr:row>
      <xdr:rowOff>91757</xdr:rowOff>
    </xdr:to>
    <xdr:sp macro="" textlink="">
      <xdr:nvSpPr>
        <xdr:cNvPr id="691" name="フローチャート: 判断 690"/>
        <xdr:cNvSpPr/>
      </xdr:nvSpPr>
      <xdr:spPr>
        <a:xfrm>
          <a:off x="14541500" y="14049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21589</xdr:rowOff>
    </xdr:from>
    <xdr:to>
      <xdr:col>72</xdr:col>
      <xdr:colOff>38100</xdr:colOff>
      <xdr:row>83</xdr:row>
      <xdr:rowOff>123189</xdr:rowOff>
    </xdr:to>
    <xdr:sp macro="" textlink="">
      <xdr:nvSpPr>
        <xdr:cNvPr id="692" name="フローチャート: 判断 691"/>
        <xdr:cNvSpPr/>
      </xdr:nvSpPr>
      <xdr:spPr>
        <a:xfrm>
          <a:off x="13652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93" name="テキスト ボックス 692"/>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4" name="テキスト ボックス 693"/>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5" name="テキスト ボックス 694"/>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96" name="テキスト ボックス 695"/>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97" name="テキスト ボックス 696"/>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588</xdr:rowOff>
    </xdr:from>
    <xdr:to>
      <xdr:col>85</xdr:col>
      <xdr:colOff>177800</xdr:colOff>
      <xdr:row>80</xdr:row>
      <xdr:rowOff>103188</xdr:rowOff>
    </xdr:to>
    <xdr:sp macro="" textlink="">
      <xdr:nvSpPr>
        <xdr:cNvPr id="698" name="楕円 697"/>
        <xdr:cNvSpPr/>
      </xdr:nvSpPr>
      <xdr:spPr>
        <a:xfrm>
          <a:off x="16268700" y="13717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24465</xdr:rowOff>
    </xdr:from>
    <xdr:ext cx="405111" cy="259045"/>
    <xdr:sp macro="" textlink="">
      <xdr:nvSpPr>
        <xdr:cNvPr id="699" name="【児童館】&#10;有形固定資産減価償却率該当値テキスト"/>
        <xdr:cNvSpPr txBox="1"/>
      </xdr:nvSpPr>
      <xdr:spPr>
        <a:xfrm>
          <a:off x="16357600" y="13569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53023</xdr:rowOff>
    </xdr:from>
    <xdr:to>
      <xdr:col>81</xdr:col>
      <xdr:colOff>101600</xdr:colOff>
      <xdr:row>80</xdr:row>
      <xdr:rowOff>154623</xdr:rowOff>
    </xdr:to>
    <xdr:sp macro="" textlink="">
      <xdr:nvSpPr>
        <xdr:cNvPr id="700" name="楕円 699"/>
        <xdr:cNvSpPr/>
      </xdr:nvSpPr>
      <xdr:spPr>
        <a:xfrm>
          <a:off x="15430500" y="13769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52388</xdr:rowOff>
    </xdr:from>
    <xdr:to>
      <xdr:col>85</xdr:col>
      <xdr:colOff>127000</xdr:colOff>
      <xdr:row>80</xdr:row>
      <xdr:rowOff>103823</xdr:rowOff>
    </xdr:to>
    <xdr:cxnSp macro="">
      <xdr:nvCxnSpPr>
        <xdr:cNvPr id="701" name="直線コネクタ 700"/>
        <xdr:cNvCxnSpPr/>
      </xdr:nvCxnSpPr>
      <xdr:spPr>
        <a:xfrm flipV="1">
          <a:off x="15481300" y="13768388"/>
          <a:ext cx="8382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104457</xdr:rowOff>
    </xdr:from>
    <xdr:to>
      <xdr:col>76</xdr:col>
      <xdr:colOff>165100</xdr:colOff>
      <xdr:row>81</xdr:row>
      <xdr:rowOff>34607</xdr:rowOff>
    </xdr:to>
    <xdr:sp macro="" textlink="">
      <xdr:nvSpPr>
        <xdr:cNvPr id="702" name="楕円 701"/>
        <xdr:cNvSpPr/>
      </xdr:nvSpPr>
      <xdr:spPr>
        <a:xfrm>
          <a:off x="14541500" y="13820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103823</xdr:rowOff>
    </xdr:from>
    <xdr:to>
      <xdr:col>81</xdr:col>
      <xdr:colOff>50800</xdr:colOff>
      <xdr:row>80</xdr:row>
      <xdr:rowOff>155257</xdr:rowOff>
    </xdr:to>
    <xdr:cxnSp macro="">
      <xdr:nvCxnSpPr>
        <xdr:cNvPr id="703" name="直線コネクタ 702"/>
        <xdr:cNvCxnSpPr/>
      </xdr:nvCxnSpPr>
      <xdr:spPr>
        <a:xfrm flipV="1">
          <a:off x="14592300" y="13819823"/>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38736</xdr:rowOff>
    </xdr:from>
    <xdr:to>
      <xdr:col>72</xdr:col>
      <xdr:colOff>38100</xdr:colOff>
      <xdr:row>81</xdr:row>
      <xdr:rowOff>140336</xdr:rowOff>
    </xdr:to>
    <xdr:sp macro="" textlink="">
      <xdr:nvSpPr>
        <xdr:cNvPr id="704" name="楕円 703"/>
        <xdr:cNvSpPr/>
      </xdr:nvSpPr>
      <xdr:spPr>
        <a:xfrm>
          <a:off x="13652500" y="13926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155257</xdr:rowOff>
    </xdr:from>
    <xdr:to>
      <xdr:col>76</xdr:col>
      <xdr:colOff>114300</xdr:colOff>
      <xdr:row>81</xdr:row>
      <xdr:rowOff>89536</xdr:rowOff>
    </xdr:to>
    <xdr:cxnSp macro="">
      <xdr:nvCxnSpPr>
        <xdr:cNvPr id="705" name="直線コネクタ 704"/>
        <xdr:cNvCxnSpPr/>
      </xdr:nvCxnSpPr>
      <xdr:spPr>
        <a:xfrm flipV="1">
          <a:off x="13703300" y="13871257"/>
          <a:ext cx="889000" cy="105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80027</xdr:rowOff>
    </xdr:from>
    <xdr:ext cx="405111" cy="259045"/>
    <xdr:sp macro="" textlink="">
      <xdr:nvSpPr>
        <xdr:cNvPr id="706" name="n_1aveValue【児童館】&#10;有形固定資産減価償却率"/>
        <xdr:cNvSpPr txBox="1"/>
      </xdr:nvSpPr>
      <xdr:spPr>
        <a:xfrm>
          <a:off x="15266044" y="1413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82884</xdr:rowOff>
    </xdr:from>
    <xdr:ext cx="405111" cy="259045"/>
    <xdr:sp macro="" textlink="">
      <xdr:nvSpPr>
        <xdr:cNvPr id="707" name="n_2aveValue【児童館】&#10;有形固定資産減価償却率"/>
        <xdr:cNvSpPr txBox="1"/>
      </xdr:nvSpPr>
      <xdr:spPr>
        <a:xfrm>
          <a:off x="14389744" y="14141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14316</xdr:rowOff>
    </xdr:from>
    <xdr:ext cx="405111" cy="259045"/>
    <xdr:sp macro="" textlink="">
      <xdr:nvSpPr>
        <xdr:cNvPr id="708" name="n_3aveValue【児童館】&#10;有形固定資産減価償却率"/>
        <xdr:cNvSpPr txBox="1"/>
      </xdr:nvSpPr>
      <xdr:spPr>
        <a:xfrm>
          <a:off x="135007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171150</xdr:rowOff>
    </xdr:from>
    <xdr:ext cx="405111" cy="259045"/>
    <xdr:sp macro="" textlink="">
      <xdr:nvSpPr>
        <xdr:cNvPr id="709" name="n_1mainValue【児童館】&#10;有形固定資産減価償却率"/>
        <xdr:cNvSpPr txBox="1"/>
      </xdr:nvSpPr>
      <xdr:spPr>
        <a:xfrm>
          <a:off x="15266044" y="135442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51134</xdr:rowOff>
    </xdr:from>
    <xdr:ext cx="405111" cy="259045"/>
    <xdr:sp macro="" textlink="">
      <xdr:nvSpPr>
        <xdr:cNvPr id="710" name="n_2mainValue【児童館】&#10;有形固定資産減価償却率"/>
        <xdr:cNvSpPr txBox="1"/>
      </xdr:nvSpPr>
      <xdr:spPr>
        <a:xfrm>
          <a:off x="14389744" y="13595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56863</xdr:rowOff>
    </xdr:from>
    <xdr:ext cx="405111" cy="259045"/>
    <xdr:sp macro="" textlink="">
      <xdr:nvSpPr>
        <xdr:cNvPr id="711" name="n_3mainValue【児童館】&#10;有形固定資産減価償却率"/>
        <xdr:cNvSpPr txBox="1"/>
      </xdr:nvSpPr>
      <xdr:spPr>
        <a:xfrm>
          <a:off x="13500744" y="13701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12" name="正方形/長方形 71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13" name="正方形/長方形 71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14" name="正方形/長方形 71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15" name="正方形/長方形 71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16" name="正方形/長方形 71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17" name="正方形/長方形 71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18" name="正方形/長方形 71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19" name="正方形/長方形 718"/>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20" name="テキスト ボックス 719"/>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21" name="直線コネクタ 720"/>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22" name="直線コネクタ 721"/>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23" name="テキスト ボックス 722"/>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24" name="直線コネクタ 723"/>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25" name="テキスト ボックス 724"/>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26" name="直線コネクタ 725"/>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27" name="テキスト ボックス 726"/>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28" name="直線コネクタ 727"/>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29" name="テキスト ボックス 728"/>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30" name="直線コネクタ 729"/>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31" name="テキスト ボックス 730"/>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32" name="直線コネクタ 731"/>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33" name="テキスト ボックス 732"/>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34"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52400</xdr:rowOff>
    </xdr:from>
    <xdr:to>
      <xdr:col>116</xdr:col>
      <xdr:colOff>62864</xdr:colOff>
      <xdr:row>86</xdr:row>
      <xdr:rowOff>76200</xdr:rowOff>
    </xdr:to>
    <xdr:cxnSp macro="">
      <xdr:nvCxnSpPr>
        <xdr:cNvPr id="735" name="直線コネクタ 734"/>
        <xdr:cNvCxnSpPr/>
      </xdr:nvCxnSpPr>
      <xdr:spPr>
        <a:xfrm flipV="1">
          <a:off x="22160864" y="135255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36"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37" name="直線コネクタ 736"/>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99077</xdr:rowOff>
    </xdr:from>
    <xdr:ext cx="469744" cy="259045"/>
    <xdr:sp macro="" textlink="">
      <xdr:nvSpPr>
        <xdr:cNvPr id="738" name="【児童館】&#10;一人当たり面積最大値テキスト"/>
        <xdr:cNvSpPr txBox="1"/>
      </xdr:nvSpPr>
      <xdr:spPr>
        <a:xfrm>
          <a:off x="22199600" y="1330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2400</xdr:rowOff>
    </xdr:from>
    <xdr:to>
      <xdr:col>116</xdr:col>
      <xdr:colOff>152400</xdr:colOff>
      <xdr:row>78</xdr:row>
      <xdr:rowOff>152400</xdr:rowOff>
    </xdr:to>
    <xdr:cxnSp macro="">
      <xdr:nvCxnSpPr>
        <xdr:cNvPr id="739" name="直線コネクタ 738"/>
        <xdr:cNvCxnSpPr/>
      </xdr:nvCxnSpPr>
      <xdr:spPr>
        <a:xfrm>
          <a:off x="22072600" y="1352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162577</xdr:rowOff>
    </xdr:from>
    <xdr:ext cx="469744" cy="259045"/>
    <xdr:sp macro="" textlink="">
      <xdr:nvSpPr>
        <xdr:cNvPr id="740" name="【児童館】&#10;一人当たり面積平均値テキスト"/>
        <xdr:cNvSpPr txBox="1"/>
      </xdr:nvSpPr>
      <xdr:spPr>
        <a:xfrm>
          <a:off x="22199600" y="140500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39700</xdr:rowOff>
    </xdr:from>
    <xdr:to>
      <xdr:col>116</xdr:col>
      <xdr:colOff>114300</xdr:colOff>
      <xdr:row>83</xdr:row>
      <xdr:rowOff>69850</xdr:rowOff>
    </xdr:to>
    <xdr:sp macro="" textlink="">
      <xdr:nvSpPr>
        <xdr:cNvPr id="741" name="フローチャート: 判断 740"/>
        <xdr:cNvSpPr/>
      </xdr:nvSpPr>
      <xdr:spPr>
        <a:xfrm>
          <a:off x="221107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39700</xdr:rowOff>
    </xdr:from>
    <xdr:to>
      <xdr:col>112</xdr:col>
      <xdr:colOff>38100</xdr:colOff>
      <xdr:row>83</xdr:row>
      <xdr:rowOff>69850</xdr:rowOff>
    </xdr:to>
    <xdr:sp macro="" textlink="">
      <xdr:nvSpPr>
        <xdr:cNvPr id="742" name="フローチャート: 判断 741"/>
        <xdr:cNvSpPr/>
      </xdr:nvSpPr>
      <xdr:spPr>
        <a:xfrm>
          <a:off x="21272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39700</xdr:rowOff>
    </xdr:from>
    <xdr:to>
      <xdr:col>107</xdr:col>
      <xdr:colOff>101600</xdr:colOff>
      <xdr:row>83</xdr:row>
      <xdr:rowOff>69850</xdr:rowOff>
    </xdr:to>
    <xdr:sp macro="" textlink="">
      <xdr:nvSpPr>
        <xdr:cNvPr id="743" name="フローチャート: 判断 742"/>
        <xdr:cNvSpPr/>
      </xdr:nvSpPr>
      <xdr:spPr>
        <a:xfrm>
          <a:off x="20383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82550</xdr:rowOff>
    </xdr:from>
    <xdr:to>
      <xdr:col>102</xdr:col>
      <xdr:colOff>165100</xdr:colOff>
      <xdr:row>84</xdr:row>
      <xdr:rowOff>12700</xdr:rowOff>
    </xdr:to>
    <xdr:sp macro="" textlink="">
      <xdr:nvSpPr>
        <xdr:cNvPr id="744" name="フローチャート: 判断 743"/>
        <xdr:cNvSpPr/>
      </xdr:nvSpPr>
      <xdr:spPr>
        <a:xfrm>
          <a:off x="19494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45" name="テキスト ボックス 74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46" name="テキスト ボックス 74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47" name="テキスト ボックス 74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48" name="テキスト ボックス 74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49" name="テキスト ボックス 74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750" name="楕円 749"/>
        <xdr:cNvSpPr/>
      </xdr:nvSpPr>
      <xdr:spPr>
        <a:xfrm>
          <a:off x="221107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22877</xdr:rowOff>
    </xdr:from>
    <xdr:ext cx="469744" cy="259045"/>
    <xdr:sp macro="" textlink="">
      <xdr:nvSpPr>
        <xdr:cNvPr id="751" name="【児童館】&#10;一人当たり面積該当値テキスト"/>
        <xdr:cNvSpPr txBox="1"/>
      </xdr:nvSpPr>
      <xdr:spPr>
        <a:xfrm>
          <a:off x="22199600"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44450</xdr:rowOff>
    </xdr:from>
    <xdr:to>
      <xdr:col>112</xdr:col>
      <xdr:colOff>38100</xdr:colOff>
      <xdr:row>83</xdr:row>
      <xdr:rowOff>146050</xdr:rowOff>
    </xdr:to>
    <xdr:sp macro="" textlink="">
      <xdr:nvSpPr>
        <xdr:cNvPr id="752" name="楕円 751"/>
        <xdr:cNvSpPr/>
      </xdr:nvSpPr>
      <xdr:spPr>
        <a:xfrm>
          <a:off x="21272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95250</xdr:rowOff>
    </xdr:from>
    <xdr:to>
      <xdr:col>116</xdr:col>
      <xdr:colOff>63500</xdr:colOff>
      <xdr:row>83</xdr:row>
      <xdr:rowOff>95250</xdr:rowOff>
    </xdr:to>
    <xdr:cxnSp macro="">
      <xdr:nvCxnSpPr>
        <xdr:cNvPr id="753" name="直線コネクタ 752"/>
        <xdr:cNvCxnSpPr/>
      </xdr:nvCxnSpPr>
      <xdr:spPr>
        <a:xfrm>
          <a:off x="21323300" y="14325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44450</xdr:rowOff>
    </xdr:from>
    <xdr:to>
      <xdr:col>107</xdr:col>
      <xdr:colOff>101600</xdr:colOff>
      <xdr:row>83</xdr:row>
      <xdr:rowOff>146050</xdr:rowOff>
    </xdr:to>
    <xdr:sp macro="" textlink="">
      <xdr:nvSpPr>
        <xdr:cNvPr id="754" name="楕円 753"/>
        <xdr:cNvSpPr/>
      </xdr:nvSpPr>
      <xdr:spPr>
        <a:xfrm>
          <a:off x="20383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95250</xdr:rowOff>
    </xdr:from>
    <xdr:to>
      <xdr:col>111</xdr:col>
      <xdr:colOff>177800</xdr:colOff>
      <xdr:row>83</xdr:row>
      <xdr:rowOff>95250</xdr:rowOff>
    </xdr:to>
    <xdr:cxnSp macro="">
      <xdr:nvCxnSpPr>
        <xdr:cNvPr id="755" name="直線コネクタ 754"/>
        <xdr:cNvCxnSpPr/>
      </xdr:nvCxnSpPr>
      <xdr:spPr>
        <a:xfrm>
          <a:off x="20434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44450</xdr:rowOff>
    </xdr:from>
    <xdr:to>
      <xdr:col>102</xdr:col>
      <xdr:colOff>165100</xdr:colOff>
      <xdr:row>83</xdr:row>
      <xdr:rowOff>146050</xdr:rowOff>
    </xdr:to>
    <xdr:sp macro="" textlink="">
      <xdr:nvSpPr>
        <xdr:cNvPr id="756" name="楕円 755"/>
        <xdr:cNvSpPr/>
      </xdr:nvSpPr>
      <xdr:spPr>
        <a:xfrm>
          <a:off x="19494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95250</xdr:rowOff>
    </xdr:from>
    <xdr:to>
      <xdr:col>107</xdr:col>
      <xdr:colOff>50800</xdr:colOff>
      <xdr:row>83</xdr:row>
      <xdr:rowOff>95250</xdr:rowOff>
    </xdr:to>
    <xdr:cxnSp macro="">
      <xdr:nvCxnSpPr>
        <xdr:cNvPr id="757" name="直線コネクタ 756"/>
        <xdr:cNvCxnSpPr/>
      </xdr:nvCxnSpPr>
      <xdr:spPr>
        <a:xfrm>
          <a:off x="19545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86377</xdr:rowOff>
    </xdr:from>
    <xdr:ext cx="469744" cy="259045"/>
    <xdr:sp macro="" textlink="">
      <xdr:nvSpPr>
        <xdr:cNvPr id="758" name="n_1aveValue【児童館】&#10;一人当たり面積"/>
        <xdr:cNvSpPr txBox="1"/>
      </xdr:nvSpPr>
      <xdr:spPr>
        <a:xfrm>
          <a:off x="210757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86377</xdr:rowOff>
    </xdr:from>
    <xdr:ext cx="469744" cy="259045"/>
    <xdr:sp macro="" textlink="">
      <xdr:nvSpPr>
        <xdr:cNvPr id="759" name="n_2aveValue【児童館】&#10;一人当たり面積"/>
        <xdr:cNvSpPr txBox="1"/>
      </xdr:nvSpPr>
      <xdr:spPr>
        <a:xfrm>
          <a:off x="201994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3827</xdr:rowOff>
    </xdr:from>
    <xdr:ext cx="469744" cy="259045"/>
    <xdr:sp macro="" textlink="">
      <xdr:nvSpPr>
        <xdr:cNvPr id="760" name="n_3aveValue【児童館】&#10;一人当たり面積"/>
        <xdr:cNvSpPr txBox="1"/>
      </xdr:nvSpPr>
      <xdr:spPr>
        <a:xfrm>
          <a:off x="19310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3</xdr:row>
      <xdr:rowOff>137177</xdr:rowOff>
    </xdr:from>
    <xdr:ext cx="469744" cy="259045"/>
    <xdr:sp macro="" textlink="">
      <xdr:nvSpPr>
        <xdr:cNvPr id="761" name="n_1mainValue【児童館】&#10;一人当たり面積"/>
        <xdr:cNvSpPr txBox="1"/>
      </xdr:nvSpPr>
      <xdr:spPr>
        <a:xfrm>
          <a:off x="210757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37177</xdr:rowOff>
    </xdr:from>
    <xdr:ext cx="469744" cy="259045"/>
    <xdr:sp macro="" textlink="">
      <xdr:nvSpPr>
        <xdr:cNvPr id="762" name="n_2mainValue【児童館】&#10;一人当たり面積"/>
        <xdr:cNvSpPr txBox="1"/>
      </xdr:nvSpPr>
      <xdr:spPr>
        <a:xfrm>
          <a:off x="20199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62577</xdr:rowOff>
    </xdr:from>
    <xdr:ext cx="469744" cy="259045"/>
    <xdr:sp macro="" textlink="">
      <xdr:nvSpPr>
        <xdr:cNvPr id="763" name="n_3mainValue【児童館】&#10;一人当たり面積"/>
        <xdr:cNvSpPr txBox="1"/>
      </xdr:nvSpPr>
      <xdr:spPr>
        <a:xfrm>
          <a:off x="19310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64" name="正方形/長方形 76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65" name="正方形/長方形 764"/>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66" name="正方形/長方形 765"/>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67" name="正方形/長方形 766"/>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68" name="正方形/長方形 767"/>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69" name="正方形/長方形 768"/>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70" name="正方形/長方形 769"/>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71" name="正方形/長方形 770"/>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72" name="テキスト ボックス 771"/>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73" name="直線コネクタ 772"/>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774" name="テキスト ボックス 773"/>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75" name="直線コネクタ 774"/>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76" name="テキスト ボックス 775"/>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77" name="直線コネクタ 776"/>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78" name="テキスト ボックス 777"/>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79" name="直線コネクタ 778"/>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80" name="テキスト ボックス 779"/>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81" name="直線コネクタ 780"/>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82" name="テキスト ボックス 781"/>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3" name="直線コネクタ 782"/>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84" name="テキスト ボックス 783"/>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85"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39624</xdr:rowOff>
    </xdr:from>
    <xdr:to>
      <xdr:col>85</xdr:col>
      <xdr:colOff>126364</xdr:colOff>
      <xdr:row>107</xdr:row>
      <xdr:rowOff>25908</xdr:rowOff>
    </xdr:to>
    <xdr:cxnSp macro="">
      <xdr:nvCxnSpPr>
        <xdr:cNvPr id="786" name="直線コネクタ 785"/>
        <xdr:cNvCxnSpPr/>
      </xdr:nvCxnSpPr>
      <xdr:spPr>
        <a:xfrm flipV="1">
          <a:off x="16318864" y="17184624"/>
          <a:ext cx="0" cy="11864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29735</xdr:rowOff>
    </xdr:from>
    <xdr:ext cx="405111" cy="259045"/>
    <xdr:sp macro="" textlink="">
      <xdr:nvSpPr>
        <xdr:cNvPr id="787" name="【公民館】&#10;有形固定資産減価償却率最小値テキスト"/>
        <xdr:cNvSpPr txBox="1"/>
      </xdr:nvSpPr>
      <xdr:spPr>
        <a:xfrm>
          <a:off x="16357600" y="183748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25908</xdr:rowOff>
    </xdr:from>
    <xdr:to>
      <xdr:col>86</xdr:col>
      <xdr:colOff>25400</xdr:colOff>
      <xdr:row>107</xdr:row>
      <xdr:rowOff>25908</xdr:rowOff>
    </xdr:to>
    <xdr:cxnSp macro="">
      <xdr:nvCxnSpPr>
        <xdr:cNvPr id="788" name="直線コネクタ 787"/>
        <xdr:cNvCxnSpPr/>
      </xdr:nvCxnSpPr>
      <xdr:spPr>
        <a:xfrm>
          <a:off x="16230600" y="183710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57751</xdr:rowOff>
    </xdr:from>
    <xdr:ext cx="405111" cy="259045"/>
    <xdr:sp macro="" textlink="">
      <xdr:nvSpPr>
        <xdr:cNvPr id="789" name="【公民館】&#10;有形固定資産減価償却率最大値テキスト"/>
        <xdr:cNvSpPr txBox="1"/>
      </xdr:nvSpPr>
      <xdr:spPr>
        <a:xfrm>
          <a:off x="16357600" y="16959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39624</xdr:rowOff>
    </xdr:from>
    <xdr:to>
      <xdr:col>86</xdr:col>
      <xdr:colOff>25400</xdr:colOff>
      <xdr:row>100</xdr:row>
      <xdr:rowOff>39624</xdr:rowOff>
    </xdr:to>
    <xdr:cxnSp macro="">
      <xdr:nvCxnSpPr>
        <xdr:cNvPr id="790" name="直線コネクタ 789"/>
        <xdr:cNvCxnSpPr/>
      </xdr:nvCxnSpPr>
      <xdr:spPr>
        <a:xfrm>
          <a:off x="16230600" y="17184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3827</xdr:rowOff>
    </xdr:from>
    <xdr:ext cx="405111" cy="259045"/>
    <xdr:sp macro="" textlink="">
      <xdr:nvSpPr>
        <xdr:cNvPr id="791" name="【公民館】&#10;有形固定資産減価償却率平均値テキスト"/>
        <xdr:cNvSpPr txBox="1"/>
      </xdr:nvSpPr>
      <xdr:spPr>
        <a:xfrm>
          <a:off x="16357600" y="178346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25400</xdr:rowOff>
    </xdr:from>
    <xdr:to>
      <xdr:col>85</xdr:col>
      <xdr:colOff>177800</xdr:colOff>
      <xdr:row>104</xdr:row>
      <xdr:rowOff>127000</xdr:rowOff>
    </xdr:to>
    <xdr:sp macro="" textlink="">
      <xdr:nvSpPr>
        <xdr:cNvPr id="792" name="フローチャート: 判断 791"/>
        <xdr:cNvSpPr/>
      </xdr:nvSpPr>
      <xdr:spPr>
        <a:xfrm>
          <a:off x="16268700" y="1785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5400</xdr:rowOff>
    </xdr:from>
    <xdr:to>
      <xdr:col>81</xdr:col>
      <xdr:colOff>101600</xdr:colOff>
      <xdr:row>104</xdr:row>
      <xdr:rowOff>127000</xdr:rowOff>
    </xdr:to>
    <xdr:sp macro="" textlink="">
      <xdr:nvSpPr>
        <xdr:cNvPr id="793" name="フローチャート: 判断 792"/>
        <xdr:cNvSpPr/>
      </xdr:nvSpPr>
      <xdr:spPr>
        <a:xfrm>
          <a:off x="15430500" y="1785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9689</xdr:rowOff>
    </xdr:from>
    <xdr:to>
      <xdr:col>76</xdr:col>
      <xdr:colOff>165100</xdr:colOff>
      <xdr:row>104</xdr:row>
      <xdr:rowOff>161289</xdr:rowOff>
    </xdr:to>
    <xdr:sp macro="" textlink="">
      <xdr:nvSpPr>
        <xdr:cNvPr id="794" name="フローチャート: 判断 793"/>
        <xdr:cNvSpPr/>
      </xdr:nvSpPr>
      <xdr:spPr>
        <a:xfrm>
          <a:off x="14541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71120</xdr:rowOff>
    </xdr:from>
    <xdr:to>
      <xdr:col>72</xdr:col>
      <xdr:colOff>38100</xdr:colOff>
      <xdr:row>105</xdr:row>
      <xdr:rowOff>1270</xdr:rowOff>
    </xdr:to>
    <xdr:sp macro="" textlink="">
      <xdr:nvSpPr>
        <xdr:cNvPr id="795" name="フローチャート: 判断 794"/>
        <xdr:cNvSpPr/>
      </xdr:nvSpPr>
      <xdr:spPr>
        <a:xfrm>
          <a:off x="136525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96" name="テキスト ボックス 795"/>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97" name="テキスト ボックス 796"/>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98" name="テキスト ボックス 797"/>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99" name="テキスト ボックス 798"/>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00" name="テキスト ボックス 799"/>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68835</xdr:rowOff>
    </xdr:from>
    <xdr:to>
      <xdr:col>85</xdr:col>
      <xdr:colOff>177800</xdr:colOff>
      <xdr:row>103</xdr:row>
      <xdr:rowOff>170435</xdr:rowOff>
    </xdr:to>
    <xdr:sp macro="" textlink="">
      <xdr:nvSpPr>
        <xdr:cNvPr id="801" name="楕円 800"/>
        <xdr:cNvSpPr/>
      </xdr:nvSpPr>
      <xdr:spPr>
        <a:xfrm>
          <a:off x="16268700" y="1772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91712</xdr:rowOff>
    </xdr:from>
    <xdr:ext cx="405111" cy="259045"/>
    <xdr:sp macro="" textlink="">
      <xdr:nvSpPr>
        <xdr:cNvPr id="802" name="【公民館】&#10;有形固定資産減価償却率該当値テキスト"/>
        <xdr:cNvSpPr txBox="1"/>
      </xdr:nvSpPr>
      <xdr:spPr>
        <a:xfrm>
          <a:off x="16357600" y="17579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12268</xdr:rowOff>
    </xdr:from>
    <xdr:to>
      <xdr:col>81</xdr:col>
      <xdr:colOff>101600</xdr:colOff>
      <xdr:row>104</xdr:row>
      <xdr:rowOff>42418</xdr:rowOff>
    </xdr:to>
    <xdr:sp macro="" textlink="">
      <xdr:nvSpPr>
        <xdr:cNvPr id="803" name="楕円 802"/>
        <xdr:cNvSpPr/>
      </xdr:nvSpPr>
      <xdr:spPr>
        <a:xfrm>
          <a:off x="15430500" y="17771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119635</xdr:rowOff>
    </xdr:from>
    <xdr:to>
      <xdr:col>85</xdr:col>
      <xdr:colOff>127000</xdr:colOff>
      <xdr:row>103</xdr:row>
      <xdr:rowOff>163068</xdr:rowOff>
    </xdr:to>
    <xdr:cxnSp macro="">
      <xdr:nvCxnSpPr>
        <xdr:cNvPr id="804" name="直線コネクタ 803"/>
        <xdr:cNvCxnSpPr/>
      </xdr:nvCxnSpPr>
      <xdr:spPr>
        <a:xfrm flipV="1">
          <a:off x="15481300" y="17778985"/>
          <a:ext cx="838200" cy="43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23698</xdr:rowOff>
    </xdr:from>
    <xdr:to>
      <xdr:col>76</xdr:col>
      <xdr:colOff>165100</xdr:colOff>
      <xdr:row>104</xdr:row>
      <xdr:rowOff>53848</xdr:rowOff>
    </xdr:to>
    <xdr:sp macro="" textlink="">
      <xdr:nvSpPr>
        <xdr:cNvPr id="805" name="楕円 804"/>
        <xdr:cNvSpPr/>
      </xdr:nvSpPr>
      <xdr:spPr>
        <a:xfrm>
          <a:off x="14541500" y="17783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163068</xdr:rowOff>
    </xdr:from>
    <xdr:to>
      <xdr:col>81</xdr:col>
      <xdr:colOff>50800</xdr:colOff>
      <xdr:row>104</xdr:row>
      <xdr:rowOff>3048</xdr:rowOff>
    </xdr:to>
    <xdr:cxnSp macro="">
      <xdr:nvCxnSpPr>
        <xdr:cNvPr id="806" name="直線コネクタ 805"/>
        <xdr:cNvCxnSpPr/>
      </xdr:nvCxnSpPr>
      <xdr:spPr>
        <a:xfrm flipV="1">
          <a:off x="14592300" y="17822418"/>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64846</xdr:rowOff>
    </xdr:from>
    <xdr:to>
      <xdr:col>72</xdr:col>
      <xdr:colOff>38100</xdr:colOff>
      <xdr:row>104</xdr:row>
      <xdr:rowOff>94996</xdr:rowOff>
    </xdr:to>
    <xdr:sp macro="" textlink="">
      <xdr:nvSpPr>
        <xdr:cNvPr id="807" name="楕円 806"/>
        <xdr:cNvSpPr/>
      </xdr:nvSpPr>
      <xdr:spPr>
        <a:xfrm>
          <a:off x="13652500" y="17824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3048</xdr:rowOff>
    </xdr:from>
    <xdr:to>
      <xdr:col>76</xdr:col>
      <xdr:colOff>114300</xdr:colOff>
      <xdr:row>104</xdr:row>
      <xdr:rowOff>44196</xdr:rowOff>
    </xdr:to>
    <xdr:cxnSp macro="">
      <xdr:nvCxnSpPr>
        <xdr:cNvPr id="808" name="直線コネクタ 807"/>
        <xdr:cNvCxnSpPr/>
      </xdr:nvCxnSpPr>
      <xdr:spPr>
        <a:xfrm flipV="1">
          <a:off x="13703300" y="17833848"/>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18127</xdr:rowOff>
    </xdr:from>
    <xdr:ext cx="405111" cy="259045"/>
    <xdr:sp macro="" textlink="">
      <xdr:nvSpPr>
        <xdr:cNvPr id="809" name="n_1aveValue【公民館】&#10;有形固定資産減価償却率"/>
        <xdr:cNvSpPr txBox="1"/>
      </xdr:nvSpPr>
      <xdr:spPr>
        <a:xfrm>
          <a:off x="15266044" y="1794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52416</xdr:rowOff>
    </xdr:from>
    <xdr:ext cx="405111" cy="259045"/>
    <xdr:sp macro="" textlink="">
      <xdr:nvSpPr>
        <xdr:cNvPr id="810" name="n_2aveValue【公民館】&#10;有形固定資産減価償却率"/>
        <xdr:cNvSpPr txBox="1"/>
      </xdr:nvSpPr>
      <xdr:spPr>
        <a:xfrm>
          <a:off x="14389744" y="1798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63847</xdr:rowOff>
    </xdr:from>
    <xdr:ext cx="405111" cy="259045"/>
    <xdr:sp macro="" textlink="">
      <xdr:nvSpPr>
        <xdr:cNvPr id="811" name="n_3aveValue【公民館】&#10;有形固定資産減価償却率"/>
        <xdr:cNvSpPr txBox="1"/>
      </xdr:nvSpPr>
      <xdr:spPr>
        <a:xfrm>
          <a:off x="13500744" y="1799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58945</xdr:rowOff>
    </xdr:from>
    <xdr:ext cx="405111" cy="259045"/>
    <xdr:sp macro="" textlink="">
      <xdr:nvSpPr>
        <xdr:cNvPr id="812" name="n_1mainValue【公民館】&#10;有形固定資産減価償却率"/>
        <xdr:cNvSpPr txBox="1"/>
      </xdr:nvSpPr>
      <xdr:spPr>
        <a:xfrm>
          <a:off x="15266044" y="175468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70375</xdr:rowOff>
    </xdr:from>
    <xdr:ext cx="405111" cy="259045"/>
    <xdr:sp macro="" textlink="">
      <xdr:nvSpPr>
        <xdr:cNvPr id="813" name="n_2mainValue【公民館】&#10;有形固定資産減価償却率"/>
        <xdr:cNvSpPr txBox="1"/>
      </xdr:nvSpPr>
      <xdr:spPr>
        <a:xfrm>
          <a:off x="14389744" y="175582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11523</xdr:rowOff>
    </xdr:from>
    <xdr:ext cx="405111" cy="259045"/>
    <xdr:sp macro="" textlink="">
      <xdr:nvSpPr>
        <xdr:cNvPr id="814" name="n_3mainValue【公民館】&#10;有形固定資産減価償却率"/>
        <xdr:cNvSpPr txBox="1"/>
      </xdr:nvSpPr>
      <xdr:spPr>
        <a:xfrm>
          <a:off x="13500744" y="175994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15" name="正方形/長方形 81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16" name="正方形/長方形 81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17" name="正方形/長方形 81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18" name="正方形/長方形 81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19" name="正方形/長方形 81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20" name="正方形/長方形 81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21" name="正方形/長方形 82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22" name="正方形/長方形 82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23" name="テキスト ボックス 82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24" name="直線コネクタ 82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25" name="直線コネクタ 824"/>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26" name="テキスト ボックス 825"/>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27" name="直線コネクタ 826"/>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28" name="テキスト ボックス 827"/>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29" name="直線コネクタ 828"/>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30" name="テキスト ボックス 829"/>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31" name="直線コネクタ 830"/>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32" name="テキスト ボックス 831"/>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33" name="直線コネクタ 832"/>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34" name="テキスト ボックス 833"/>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35" name="直線コネクタ 834"/>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36" name="テキスト ボックス 835"/>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37" name="直線コネクタ 83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38" name="テキスト ボックス 83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39"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49679</xdr:rowOff>
    </xdr:from>
    <xdr:to>
      <xdr:col>116</xdr:col>
      <xdr:colOff>62864</xdr:colOff>
      <xdr:row>109</xdr:row>
      <xdr:rowOff>19050</xdr:rowOff>
    </xdr:to>
    <xdr:cxnSp macro="">
      <xdr:nvCxnSpPr>
        <xdr:cNvPr id="840" name="直線コネクタ 839"/>
        <xdr:cNvCxnSpPr/>
      </xdr:nvCxnSpPr>
      <xdr:spPr>
        <a:xfrm flipV="1">
          <a:off x="22160864" y="17123229"/>
          <a:ext cx="0" cy="15838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841" name="【公民館】&#10;一人当たり面積最小値テキスト"/>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842" name="直線コネクタ 841"/>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96356</xdr:rowOff>
    </xdr:from>
    <xdr:ext cx="469744" cy="259045"/>
    <xdr:sp macro="" textlink="">
      <xdr:nvSpPr>
        <xdr:cNvPr id="843" name="【公民館】&#10;一人当たり面積最大値テキスト"/>
        <xdr:cNvSpPr txBox="1"/>
      </xdr:nvSpPr>
      <xdr:spPr>
        <a:xfrm>
          <a:off x="22199600" y="16898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49679</xdr:rowOff>
    </xdr:from>
    <xdr:to>
      <xdr:col>116</xdr:col>
      <xdr:colOff>152400</xdr:colOff>
      <xdr:row>99</xdr:row>
      <xdr:rowOff>149679</xdr:rowOff>
    </xdr:to>
    <xdr:cxnSp macro="">
      <xdr:nvCxnSpPr>
        <xdr:cNvPr id="844" name="直線コネクタ 843"/>
        <xdr:cNvCxnSpPr/>
      </xdr:nvCxnSpPr>
      <xdr:spPr>
        <a:xfrm>
          <a:off x="22072600" y="17123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23784</xdr:rowOff>
    </xdr:from>
    <xdr:ext cx="469744" cy="259045"/>
    <xdr:sp macro="" textlink="">
      <xdr:nvSpPr>
        <xdr:cNvPr id="845" name="【公民館】&#10;一人当たり面積平均値テキスト"/>
        <xdr:cNvSpPr txBox="1"/>
      </xdr:nvSpPr>
      <xdr:spPr>
        <a:xfrm>
          <a:off x="22199600" y="178545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07</xdr:rowOff>
    </xdr:from>
    <xdr:to>
      <xdr:col>116</xdr:col>
      <xdr:colOff>114300</xdr:colOff>
      <xdr:row>105</xdr:row>
      <xdr:rowOff>102507</xdr:rowOff>
    </xdr:to>
    <xdr:sp macro="" textlink="">
      <xdr:nvSpPr>
        <xdr:cNvPr id="846" name="フローチャート: 判断 845"/>
        <xdr:cNvSpPr/>
      </xdr:nvSpPr>
      <xdr:spPr>
        <a:xfrm>
          <a:off x="22110700" y="18003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33564</xdr:rowOff>
    </xdr:from>
    <xdr:to>
      <xdr:col>112</xdr:col>
      <xdr:colOff>38100</xdr:colOff>
      <xdr:row>105</xdr:row>
      <xdr:rowOff>135164</xdr:rowOff>
    </xdr:to>
    <xdr:sp macro="" textlink="">
      <xdr:nvSpPr>
        <xdr:cNvPr id="847" name="フローチャート: 判断 846"/>
        <xdr:cNvSpPr/>
      </xdr:nvSpPr>
      <xdr:spPr>
        <a:xfrm>
          <a:off x="212725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39700</xdr:rowOff>
    </xdr:from>
    <xdr:to>
      <xdr:col>107</xdr:col>
      <xdr:colOff>101600</xdr:colOff>
      <xdr:row>105</xdr:row>
      <xdr:rowOff>69850</xdr:rowOff>
    </xdr:to>
    <xdr:sp macro="" textlink="">
      <xdr:nvSpPr>
        <xdr:cNvPr id="848" name="フローチャート: 判断 847"/>
        <xdr:cNvSpPr/>
      </xdr:nvSpPr>
      <xdr:spPr>
        <a:xfrm>
          <a:off x="20383500" y="1797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56029</xdr:rowOff>
    </xdr:from>
    <xdr:to>
      <xdr:col>102</xdr:col>
      <xdr:colOff>165100</xdr:colOff>
      <xdr:row>105</xdr:row>
      <xdr:rowOff>86179</xdr:rowOff>
    </xdr:to>
    <xdr:sp macro="" textlink="">
      <xdr:nvSpPr>
        <xdr:cNvPr id="849" name="フローチャート: 判断 848"/>
        <xdr:cNvSpPr/>
      </xdr:nvSpPr>
      <xdr:spPr>
        <a:xfrm>
          <a:off x="19494500" y="1798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50" name="テキスト ボックス 84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51" name="テキスト ボックス 85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52" name="テキスト ボックス 85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53" name="テキスト ボックス 85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54" name="テキスト ボックス 85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82550</xdr:rowOff>
    </xdr:from>
    <xdr:to>
      <xdr:col>116</xdr:col>
      <xdr:colOff>114300</xdr:colOff>
      <xdr:row>106</xdr:row>
      <xdr:rowOff>12700</xdr:rowOff>
    </xdr:to>
    <xdr:sp macro="" textlink="">
      <xdr:nvSpPr>
        <xdr:cNvPr id="855" name="楕円 854"/>
        <xdr:cNvSpPr/>
      </xdr:nvSpPr>
      <xdr:spPr>
        <a:xfrm>
          <a:off x="221107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60977</xdr:rowOff>
    </xdr:from>
    <xdr:ext cx="469744" cy="259045"/>
    <xdr:sp macro="" textlink="">
      <xdr:nvSpPr>
        <xdr:cNvPr id="856" name="【公民館】&#10;一人当たり面積該当値テキスト"/>
        <xdr:cNvSpPr txBox="1"/>
      </xdr:nvSpPr>
      <xdr:spPr>
        <a:xfrm>
          <a:off x="22199600" y="1806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82550</xdr:rowOff>
    </xdr:from>
    <xdr:to>
      <xdr:col>112</xdr:col>
      <xdr:colOff>38100</xdr:colOff>
      <xdr:row>106</xdr:row>
      <xdr:rowOff>12700</xdr:rowOff>
    </xdr:to>
    <xdr:sp macro="" textlink="">
      <xdr:nvSpPr>
        <xdr:cNvPr id="857" name="楕円 856"/>
        <xdr:cNvSpPr/>
      </xdr:nvSpPr>
      <xdr:spPr>
        <a:xfrm>
          <a:off x="21272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33350</xdr:rowOff>
    </xdr:from>
    <xdr:to>
      <xdr:col>116</xdr:col>
      <xdr:colOff>63500</xdr:colOff>
      <xdr:row>105</xdr:row>
      <xdr:rowOff>133350</xdr:rowOff>
    </xdr:to>
    <xdr:cxnSp macro="">
      <xdr:nvCxnSpPr>
        <xdr:cNvPr id="858" name="直線コネクタ 857"/>
        <xdr:cNvCxnSpPr/>
      </xdr:nvCxnSpPr>
      <xdr:spPr>
        <a:xfrm>
          <a:off x="21323300" y="18135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82550</xdr:rowOff>
    </xdr:from>
    <xdr:to>
      <xdr:col>107</xdr:col>
      <xdr:colOff>101600</xdr:colOff>
      <xdr:row>106</xdr:row>
      <xdr:rowOff>12700</xdr:rowOff>
    </xdr:to>
    <xdr:sp macro="" textlink="">
      <xdr:nvSpPr>
        <xdr:cNvPr id="859" name="楕円 858"/>
        <xdr:cNvSpPr/>
      </xdr:nvSpPr>
      <xdr:spPr>
        <a:xfrm>
          <a:off x="20383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33350</xdr:rowOff>
    </xdr:from>
    <xdr:to>
      <xdr:col>111</xdr:col>
      <xdr:colOff>177800</xdr:colOff>
      <xdr:row>105</xdr:row>
      <xdr:rowOff>133350</xdr:rowOff>
    </xdr:to>
    <xdr:cxnSp macro="">
      <xdr:nvCxnSpPr>
        <xdr:cNvPr id="860" name="直線コネクタ 859"/>
        <xdr:cNvCxnSpPr/>
      </xdr:nvCxnSpPr>
      <xdr:spPr>
        <a:xfrm>
          <a:off x="20434300" y="1813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66221</xdr:rowOff>
    </xdr:from>
    <xdr:to>
      <xdr:col>102</xdr:col>
      <xdr:colOff>165100</xdr:colOff>
      <xdr:row>105</xdr:row>
      <xdr:rowOff>167821</xdr:rowOff>
    </xdr:to>
    <xdr:sp macro="" textlink="">
      <xdr:nvSpPr>
        <xdr:cNvPr id="861" name="楕円 860"/>
        <xdr:cNvSpPr/>
      </xdr:nvSpPr>
      <xdr:spPr>
        <a:xfrm>
          <a:off x="19494500" y="18068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17021</xdr:rowOff>
    </xdr:from>
    <xdr:to>
      <xdr:col>107</xdr:col>
      <xdr:colOff>50800</xdr:colOff>
      <xdr:row>105</xdr:row>
      <xdr:rowOff>133350</xdr:rowOff>
    </xdr:to>
    <xdr:cxnSp macro="">
      <xdr:nvCxnSpPr>
        <xdr:cNvPr id="862" name="直線コネクタ 861"/>
        <xdr:cNvCxnSpPr/>
      </xdr:nvCxnSpPr>
      <xdr:spPr>
        <a:xfrm>
          <a:off x="19545300" y="18119271"/>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51691</xdr:rowOff>
    </xdr:from>
    <xdr:ext cx="469744" cy="259045"/>
    <xdr:sp macro="" textlink="">
      <xdr:nvSpPr>
        <xdr:cNvPr id="863" name="n_1aveValue【公民館】&#10;一人当たり面積"/>
        <xdr:cNvSpPr txBox="1"/>
      </xdr:nvSpPr>
      <xdr:spPr>
        <a:xfrm>
          <a:off x="21075727" y="17811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86377</xdr:rowOff>
    </xdr:from>
    <xdr:ext cx="469744" cy="259045"/>
    <xdr:sp macro="" textlink="">
      <xdr:nvSpPr>
        <xdr:cNvPr id="864" name="n_2aveValue【公民館】&#10;一人当たり面積"/>
        <xdr:cNvSpPr txBox="1"/>
      </xdr:nvSpPr>
      <xdr:spPr>
        <a:xfrm>
          <a:off x="20199427" y="1774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02706</xdr:rowOff>
    </xdr:from>
    <xdr:ext cx="469744" cy="259045"/>
    <xdr:sp macro="" textlink="">
      <xdr:nvSpPr>
        <xdr:cNvPr id="865" name="n_3aveValue【公民館】&#10;一人当たり面積"/>
        <xdr:cNvSpPr txBox="1"/>
      </xdr:nvSpPr>
      <xdr:spPr>
        <a:xfrm>
          <a:off x="19310427" y="1776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3827</xdr:rowOff>
    </xdr:from>
    <xdr:ext cx="469744" cy="259045"/>
    <xdr:sp macro="" textlink="">
      <xdr:nvSpPr>
        <xdr:cNvPr id="866" name="n_1mainValue【公民館】&#10;一人当たり面積"/>
        <xdr:cNvSpPr txBox="1"/>
      </xdr:nvSpPr>
      <xdr:spPr>
        <a:xfrm>
          <a:off x="210757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3827</xdr:rowOff>
    </xdr:from>
    <xdr:ext cx="469744" cy="259045"/>
    <xdr:sp macro="" textlink="">
      <xdr:nvSpPr>
        <xdr:cNvPr id="867" name="n_2mainValue【公民館】&#10;一人当たり面積"/>
        <xdr:cNvSpPr txBox="1"/>
      </xdr:nvSpPr>
      <xdr:spPr>
        <a:xfrm>
          <a:off x="201994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58948</xdr:rowOff>
    </xdr:from>
    <xdr:ext cx="469744" cy="259045"/>
    <xdr:sp macro="" textlink="">
      <xdr:nvSpPr>
        <xdr:cNvPr id="868" name="n_3mainValue【公民館】&#10;一人当たり面積"/>
        <xdr:cNvSpPr txBox="1"/>
      </xdr:nvSpPr>
      <xdr:spPr>
        <a:xfrm>
          <a:off x="19310427" y="18161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9" name="正方形/長方形 86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70" name="正方形/長方形 86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71" name="テキスト ボックス 87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上記のうち道路及び学校施設を除く６類型で上昇傾向にあり、類似団体の平均と比べると、道路、学校施設及び公営住宅が下回っている。</a:t>
          </a:r>
        </a:p>
        <a:p>
          <a:r>
            <a:rPr kumimoji="1" lang="ja-JP" altLang="en-US" sz="1300">
              <a:latin typeface="ＭＳ Ｐゴシック" panose="020B0600070205080204" pitchFamily="50" charset="-128"/>
              <a:ea typeface="ＭＳ Ｐゴシック" panose="020B0600070205080204" pitchFamily="50" charset="-128"/>
            </a:rPr>
            <a:t>　本市の公共建築物は１０年後に約７割が築３０年以上になることが想定され、「老朽化への対応」が求められている。また、将来的な人口減少等による税収減少の懸念等から、「施設存続の可否の判断」に係る手法の検討等も必要である。更には、市民ニーズの多様化等に伴い、公共施設に対する「ニーズの変化への対応」も今後一層求められてくる。</a:t>
          </a:r>
        </a:p>
        <a:p>
          <a:r>
            <a:rPr kumimoji="1" lang="ja-JP" altLang="en-US" sz="1300">
              <a:latin typeface="ＭＳ Ｐゴシック" panose="020B0600070205080204" pitchFamily="50" charset="-128"/>
              <a:ea typeface="ＭＳ Ｐゴシック" panose="020B0600070205080204" pitchFamily="50" charset="-128"/>
            </a:rPr>
            <a:t>　現在、「資産マネジメントの第</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期取組期間の実施方針」（公共施設等総合管理計画）に基づき施設の長寿命化等の取組を推進しているが、次期実施方針の策定に向けた検討についても現在進めているところである。次期実施方針の策定にあたっては、特に資産保有の最適化に重点を置き、最適な施設配置のあり方等に関する十分な検討を行っていく必要が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00,460
1,458,758
143.01
715,393,440
712,401,058
629,064
368,483,160
814,670,80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1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2" name="テキスト ボックス 41"/>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2" name="テキスト ボックス 51"/>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4" name="テキスト ボックス 53"/>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6670</xdr:rowOff>
    </xdr:from>
    <xdr:to>
      <xdr:col>24</xdr:col>
      <xdr:colOff>62865</xdr:colOff>
      <xdr:row>41</xdr:row>
      <xdr:rowOff>167640</xdr:rowOff>
    </xdr:to>
    <xdr:cxnSp macro="">
      <xdr:nvCxnSpPr>
        <xdr:cNvPr id="56" name="直線コネクタ 55"/>
        <xdr:cNvCxnSpPr/>
      </xdr:nvCxnSpPr>
      <xdr:spPr>
        <a:xfrm flipV="1">
          <a:off x="4634865" y="585597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7</xdr:rowOff>
    </xdr:from>
    <xdr:ext cx="405111" cy="259045"/>
    <xdr:sp macro="" textlink="">
      <xdr:nvSpPr>
        <xdr:cNvPr id="57" name="【図書館】&#10;有形固定資産減価償却率最小値テキスト"/>
        <xdr:cNvSpPr txBox="1"/>
      </xdr:nvSpPr>
      <xdr:spPr>
        <a:xfrm>
          <a:off x="4673600" y="7200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0</xdr:rowOff>
    </xdr:from>
    <xdr:to>
      <xdr:col>24</xdr:col>
      <xdr:colOff>152400</xdr:colOff>
      <xdr:row>41</xdr:row>
      <xdr:rowOff>167640</xdr:rowOff>
    </xdr:to>
    <xdr:cxnSp macro="">
      <xdr:nvCxnSpPr>
        <xdr:cNvPr id="58" name="直線コネクタ 57"/>
        <xdr:cNvCxnSpPr/>
      </xdr:nvCxnSpPr>
      <xdr:spPr>
        <a:xfrm>
          <a:off x="4546600" y="7197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4797</xdr:rowOff>
    </xdr:from>
    <xdr:ext cx="405111" cy="259045"/>
    <xdr:sp macro="" textlink="">
      <xdr:nvSpPr>
        <xdr:cNvPr id="59" name="【図書館】&#10;有形固定資産減価償却率最大値テキスト"/>
        <xdr:cNvSpPr txBox="1"/>
      </xdr:nvSpPr>
      <xdr:spPr>
        <a:xfrm>
          <a:off x="4673600" y="5631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6670</xdr:rowOff>
    </xdr:from>
    <xdr:to>
      <xdr:col>24</xdr:col>
      <xdr:colOff>152400</xdr:colOff>
      <xdr:row>34</xdr:row>
      <xdr:rowOff>26670</xdr:rowOff>
    </xdr:to>
    <xdr:cxnSp macro="">
      <xdr:nvCxnSpPr>
        <xdr:cNvPr id="60" name="直線コネクタ 59"/>
        <xdr:cNvCxnSpPr/>
      </xdr:nvCxnSpPr>
      <xdr:spPr>
        <a:xfrm>
          <a:off x="4546600" y="585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05427</xdr:rowOff>
    </xdr:from>
    <xdr:ext cx="405111" cy="259045"/>
    <xdr:sp macro="" textlink="">
      <xdr:nvSpPr>
        <xdr:cNvPr id="61" name="【図書館】&#10;有形固定資産減価償却率平均値テキスト"/>
        <xdr:cNvSpPr txBox="1"/>
      </xdr:nvSpPr>
      <xdr:spPr>
        <a:xfrm>
          <a:off x="4673600" y="64490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82550</xdr:rowOff>
    </xdr:from>
    <xdr:to>
      <xdr:col>24</xdr:col>
      <xdr:colOff>114300</xdr:colOff>
      <xdr:row>39</xdr:row>
      <xdr:rowOff>12700</xdr:rowOff>
    </xdr:to>
    <xdr:sp macro="" textlink="">
      <xdr:nvSpPr>
        <xdr:cNvPr id="62" name="フローチャート: 判断 61"/>
        <xdr:cNvSpPr/>
      </xdr:nvSpPr>
      <xdr:spPr>
        <a:xfrm>
          <a:off x="4584700" y="659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93980</xdr:rowOff>
    </xdr:from>
    <xdr:to>
      <xdr:col>20</xdr:col>
      <xdr:colOff>38100</xdr:colOff>
      <xdr:row>39</xdr:row>
      <xdr:rowOff>24130</xdr:rowOff>
    </xdr:to>
    <xdr:sp macro="" textlink="">
      <xdr:nvSpPr>
        <xdr:cNvPr id="63" name="フローチャート: 判断 62"/>
        <xdr:cNvSpPr/>
      </xdr:nvSpPr>
      <xdr:spPr>
        <a:xfrm>
          <a:off x="3746500" y="660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35890</xdr:rowOff>
    </xdr:from>
    <xdr:to>
      <xdr:col>15</xdr:col>
      <xdr:colOff>101600</xdr:colOff>
      <xdr:row>39</xdr:row>
      <xdr:rowOff>66040</xdr:rowOff>
    </xdr:to>
    <xdr:sp macro="" textlink="">
      <xdr:nvSpPr>
        <xdr:cNvPr id="64" name="フローチャート: 判断 63"/>
        <xdr:cNvSpPr/>
      </xdr:nvSpPr>
      <xdr:spPr>
        <a:xfrm>
          <a:off x="2857500" y="665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36830</xdr:rowOff>
    </xdr:from>
    <xdr:to>
      <xdr:col>10</xdr:col>
      <xdr:colOff>165100</xdr:colOff>
      <xdr:row>39</xdr:row>
      <xdr:rowOff>138430</xdr:rowOff>
    </xdr:to>
    <xdr:sp macro="" textlink="">
      <xdr:nvSpPr>
        <xdr:cNvPr id="65" name="フローチャート: 判断 64"/>
        <xdr:cNvSpPr/>
      </xdr:nvSpPr>
      <xdr:spPr>
        <a:xfrm>
          <a:off x="1968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40640</xdr:rowOff>
    </xdr:from>
    <xdr:to>
      <xdr:col>24</xdr:col>
      <xdr:colOff>114300</xdr:colOff>
      <xdr:row>40</xdr:row>
      <xdr:rowOff>142240</xdr:rowOff>
    </xdr:to>
    <xdr:sp macro="" textlink="">
      <xdr:nvSpPr>
        <xdr:cNvPr id="71" name="楕円 70"/>
        <xdr:cNvSpPr/>
      </xdr:nvSpPr>
      <xdr:spPr>
        <a:xfrm>
          <a:off x="4584700" y="6898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19067</xdr:rowOff>
    </xdr:from>
    <xdr:ext cx="405111" cy="259045"/>
    <xdr:sp macro="" textlink="">
      <xdr:nvSpPr>
        <xdr:cNvPr id="72" name="【図書館】&#10;有形固定資産減価償却率該当値テキスト"/>
        <xdr:cNvSpPr txBox="1"/>
      </xdr:nvSpPr>
      <xdr:spPr>
        <a:xfrm>
          <a:off x="4673600" y="6877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151130</xdr:rowOff>
    </xdr:from>
    <xdr:to>
      <xdr:col>20</xdr:col>
      <xdr:colOff>38100</xdr:colOff>
      <xdr:row>41</xdr:row>
      <xdr:rowOff>81280</xdr:rowOff>
    </xdr:to>
    <xdr:sp macro="" textlink="">
      <xdr:nvSpPr>
        <xdr:cNvPr id="73" name="楕円 72"/>
        <xdr:cNvSpPr/>
      </xdr:nvSpPr>
      <xdr:spPr>
        <a:xfrm>
          <a:off x="3746500" y="700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91440</xdr:rowOff>
    </xdr:from>
    <xdr:to>
      <xdr:col>24</xdr:col>
      <xdr:colOff>63500</xdr:colOff>
      <xdr:row>41</xdr:row>
      <xdr:rowOff>30480</xdr:rowOff>
    </xdr:to>
    <xdr:cxnSp macro="">
      <xdr:nvCxnSpPr>
        <xdr:cNvPr id="74" name="直線コネクタ 73"/>
        <xdr:cNvCxnSpPr/>
      </xdr:nvCxnSpPr>
      <xdr:spPr>
        <a:xfrm flipV="1">
          <a:off x="3797300" y="6949440"/>
          <a:ext cx="838200" cy="110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1</xdr:row>
      <xdr:rowOff>74930</xdr:rowOff>
    </xdr:from>
    <xdr:to>
      <xdr:col>15</xdr:col>
      <xdr:colOff>101600</xdr:colOff>
      <xdr:row>42</xdr:row>
      <xdr:rowOff>5080</xdr:rowOff>
    </xdr:to>
    <xdr:sp macro="" textlink="">
      <xdr:nvSpPr>
        <xdr:cNvPr id="75" name="楕円 74"/>
        <xdr:cNvSpPr/>
      </xdr:nvSpPr>
      <xdr:spPr>
        <a:xfrm>
          <a:off x="2857500" y="7104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1</xdr:row>
      <xdr:rowOff>30480</xdr:rowOff>
    </xdr:from>
    <xdr:to>
      <xdr:col>19</xdr:col>
      <xdr:colOff>177800</xdr:colOff>
      <xdr:row>41</xdr:row>
      <xdr:rowOff>125730</xdr:rowOff>
    </xdr:to>
    <xdr:cxnSp macro="">
      <xdr:nvCxnSpPr>
        <xdr:cNvPr id="76" name="直線コネクタ 75"/>
        <xdr:cNvCxnSpPr/>
      </xdr:nvCxnSpPr>
      <xdr:spPr>
        <a:xfrm flipV="1">
          <a:off x="2908300" y="705993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154940</xdr:rowOff>
    </xdr:from>
    <xdr:to>
      <xdr:col>10</xdr:col>
      <xdr:colOff>165100</xdr:colOff>
      <xdr:row>41</xdr:row>
      <xdr:rowOff>85090</xdr:rowOff>
    </xdr:to>
    <xdr:sp macro="" textlink="">
      <xdr:nvSpPr>
        <xdr:cNvPr id="77" name="楕円 76"/>
        <xdr:cNvSpPr/>
      </xdr:nvSpPr>
      <xdr:spPr>
        <a:xfrm>
          <a:off x="1968500" y="7012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1</xdr:row>
      <xdr:rowOff>34290</xdr:rowOff>
    </xdr:from>
    <xdr:to>
      <xdr:col>15</xdr:col>
      <xdr:colOff>50800</xdr:colOff>
      <xdr:row>41</xdr:row>
      <xdr:rowOff>125730</xdr:rowOff>
    </xdr:to>
    <xdr:cxnSp macro="">
      <xdr:nvCxnSpPr>
        <xdr:cNvPr id="78" name="直線コネクタ 77"/>
        <xdr:cNvCxnSpPr/>
      </xdr:nvCxnSpPr>
      <xdr:spPr>
        <a:xfrm>
          <a:off x="2019300" y="706374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40657</xdr:rowOff>
    </xdr:from>
    <xdr:ext cx="405111" cy="259045"/>
    <xdr:sp macro="" textlink="">
      <xdr:nvSpPr>
        <xdr:cNvPr id="79" name="n_1aveValue【図書館】&#10;有形固定資産減価償却率"/>
        <xdr:cNvSpPr txBox="1"/>
      </xdr:nvSpPr>
      <xdr:spPr>
        <a:xfrm>
          <a:off x="3582044" y="6384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82567</xdr:rowOff>
    </xdr:from>
    <xdr:ext cx="405111" cy="259045"/>
    <xdr:sp macro="" textlink="">
      <xdr:nvSpPr>
        <xdr:cNvPr id="80" name="n_2aveValue【図書館】&#10;有形固定資産減価償却率"/>
        <xdr:cNvSpPr txBox="1"/>
      </xdr:nvSpPr>
      <xdr:spPr>
        <a:xfrm>
          <a:off x="2705744" y="6426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54957</xdr:rowOff>
    </xdr:from>
    <xdr:ext cx="405111" cy="259045"/>
    <xdr:sp macro="" textlink="">
      <xdr:nvSpPr>
        <xdr:cNvPr id="81" name="n_3aveValue【図書館】&#10;有形固定資産減価償却率"/>
        <xdr:cNvSpPr txBox="1"/>
      </xdr:nvSpPr>
      <xdr:spPr>
        <a:xfrm>
          <a:off x="1816744" y="6498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72407</xdr:rowOff>
    </xdr:from>
    <xdr:ext cx="405111" cy="259045"/>
    <xdr:sp macro="" textlink="">
      <xdr:nvSpPr>
        <xdr:cNvPr id="82" name="n_1mainValue【図書館】&#10;有形固定資産減価償却率"/>
        <xdr:cNvSpPr txBox="1"/>
      </xdr:nvSpPr>
      <xdr:spPr>
        <a:xfrm>
          <a:off x="3582044" y="710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1</xdr:row>
      <xdr:rowOff>167657</xdr:rowOff>
    </xdr:from>
    <xdr:ext cx="405111" cy="259045"/>
    <xdr:sp macro="" textlink="">
      <xdr:nvSpPr>
        <xdr:cNvPr id="83" name="n_2mainValue【図書館】&#10;有形固定資産減価償却率"/>
        <xdr:cNvSpPr txBox="1"/>
      </xdr:nvSpPr>
      <xdr:spPr>
        <a:xfrm>
          <a:off x="2705744" y="719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1</xdr:row>
      <xdr:rowOff>76217</xdr:rowOff>
    </xdr:from>
    <xdr:ext cx="405111" cy="259045"/>
    <xdr:sp macro="" textlink="">
      <xdr:nvSpPr>
        <xdr:cNvPr id="84" name="n_3mainValue【図書館】&#10;有形固定資産減価償却率"/>
        <xdr:cNvSpPr txBox="1"/>
      </xdr:nvSpPr>
      <xdr:spPr>
        <a:xfrm>
          <a:off x="1816744" y="7105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3" name="テキスト ボックス 92"/>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3</xdr:row>
      <xdr:rowOff>105427</xdr:rowOff>
    </xdr:from>
    <xdr:ext cx="467179" cy="259045"/>
    <xdr:sp macro="" textlink="">
      <xdr:nvSpPr>
        <xdr:cNvPr id="95" name="テキスト ボックス 94"/>
        <xdr:cNvSpPr txBox="1"/>
      </xdr:nvSpPr>
      <xdr:spPr>
        <a:xfrm>
          <a:off x="6136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133350</xdr:rowOff>
    </xdr:from>
    <xdr:to>
      <xdr:col>59</xdr:col>
      <xdr:colOff>50800</xdr:colOff>
      <xdr:row>41</xdr:row>
      <xdr:rowOff>133350</xdr:rowOff>
    </xdr:to>
    <xdr:cxnSp macro="">
      <xdr:nvCxnSpPr>
        <xdr:cNvPr id="96" name="直線コネクタ 95"/>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7" name="テキスト ボックス 96"/>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8" name="直線コネクタ 97"/>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9" name="テキスト ボックス 98"/>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0" name="直線コネクタ 99"/>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1" name="テキスト ボックス 100"/>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2" name="直線コネクタ 101"/>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3" name="テキスト ボックス 102"/>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4" name="直線コネクタ 10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5" name="テキスト ボックス 104"/>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6"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41910</xdr:rowOff>
    </xdr:from>
    <xdr:to>
      <xdr:col>54</xdr:col>
      <xdr:colOff>189865</xdr:colOff>
      <xdr:row>41</xdr:row>
      <xdr:rowOff>133350</xdr:rowOff>
    </xdr:to>
    <xdr:cxnSp macro="">
      <xdr:nvCxnSpPr>
        <xdr:cNvPr id="107" name="直線コネクタ 106"/>
        <xdr:cNvCxnSpPr/>
      </xdr:nvCxnSpPr>
      <xdr:spPr>
        <a:xfrm flipV="1">
          <a:off x="10476865" y="5699760"/>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7177</xdr:rowOff>
    </xdr:from>
    <xdr:ext cx="469744" cy="259045"/>
    <xdr:sp macro="" textlink="">
      <xdr:nvSpPr>
        <xdr:cNvPr id="108" name="【図書館】&#10;一人当たり面積最小値テキスト"/>
        <xdr:cNvSpPr txBox="1"/>
      </xdr:nvSpPr>
      <xdr:spPr>
        <a:xfrm>
          <a:off x="10515600" y="716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3350</xdr:rowOff>
    </xdr:from>
    <xdr:to>
      <xdr:col>55</xdr:col>
      <xdr:colOff>88900</xdr:colOff>
      <xdr:row>41</xdr:row>
      <xdr:rowOff>133350</xdr:rowOff>
    </xdr:to>
    <xdr:cxnSp macro="">
      <xdr:nvCxnSpPr>
        <xdr:cNvPr id="109" name="直線コネクタ 108"/>
        <xdr:cNvCxnSpPr/>
      </xdr:nvCxnSpPr>
      <xdr:spPr>
        <a:xfrm>
          <a:off x="10388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60037</xdr:rowOff>
    </xdr:from>
    <xdr:ext cx="469744" cy="259045"/>
    <xdr:sp macro="" textlink="">
      <xdr:nvSpPr>
        <xdr:cNvPr id="110" name="【図書館】&#10;一人当たり面積最大値テキスト"/>
        <xdr:cNvSpPr txBox="1"/>
      </xdr:nvSpPr>
      <xdr:spPr>
        <a:xfrm>
          <a:off x="10515600" y="54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41910</xdr:rowOff>
    </xdr:from>
    <xdr:to>
      <xdr:col>55</xdr:col>
      <xdr:colOff>88900</xdr:colOff>
      <xdr:row>33</xdr:row>
      <xdr:rowOff>41910</xdr:rowOff>
    </xdr:to>
    <xdr:cxnSp macro="">
      <xdr:nvCxnSpPr>
        <xdr:cNvPr id="111" name="直線コネクタ 110"/>
        <xdr:cNvCxnSpPr/>
      </xdr:nvCxnSpPr>
      <xdr:spPr>
        <a:xfrm>
          <a:off x="10388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36847</xdr:rowOff>
    </xdr:from>
    <xdr:ext cx="469744" cy="259045"/>
    <xdr:sp macro="" textlink="">
      <xdr:nvSpPr>
        <xdr:cNvPr id="112" name="【図書館】&#10;一人当たり面積平均値テキスト"/>
        <xdr:cNvSpPr txBox="1"/>
      </xdr:nvSpPr>
      <xdr:spPr>
        <a:xfrm>
          <a:off x="10515600" y="65519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3970</xdr:rowOff>
    </xdr:from>
    <xdr:to>
      <xdr:col>55</xdr:col>
      <xdr:colOff>50800</xdr:colOff>
      <xdr:row>39</xdr:row>
      <xdr:rowOff>115570</xdr:rowOff>
    </xdr:to>
    <xdr:sp macro="" textlink="">
      <xdr:nvSpPr>
        <xdr:cNvPr id="113" name="フローチャート: 判断 112"/>
        <xdr:cNvSpPr/>
      </xdr:nvSpPr>
      <xdr:spPr>
        <a:xfrm>
          <a:off x="104267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970</xdr:rowOff>
    </xdr:from>
    <xdr:to>
      <xdr:col>50</xdr:col>
      <xdr:colOff>165100</xdr:colOff>
      <xdr:row>39</xdr:row>
      <xdr:rowOff>115570</xdr:rowOff>
    </xdr:to>
    <xdr:sp macro="" textlink="">
      <xdr:nvSpPr>
        <xdr:cNvPr id="114" name="フローチャート: 判断 113"/>
        <xdr:cNvSpPr/>
      </xdr:nvSpPr>
      <xdr:spPr>
        <a:xfrm>
          <a:off x="9588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970</xdr:rowOff>
    </xdr:from>
    <xdr:to>
      <xdr:col>46</xdr:col>
      <xdr:colOff>38100</xdr:colOff>
      <xdr:row>39</xdr:row>
      <xdr:rowOff>115570</xdr:rowOff>
    </xdr:to>
    <xdr:sp macro="" textlink="">
      <xdr:nvSpPr>
        <xdr:cNvPr id="115" name="フローチャート: 判断 114"/>
        <xdr:cNvSpPr/>
      </xdr:nvSpPr>
      <xdr:spPr>
        <a:xfrm>
          <a:off x="8699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39700</xdr:rowOff>
    </xdr:from>
    <xdr:to>
      <xdr:col>41</xdr:col>
      <xdr:colOff>101600</xdr:colOff>
      <xdr:row>39</xdr:row>
      <xdr:rowOff>69850</xdr:rowOff>
    </xdr:to>
    <xdr:sp macro="" textlink="">
      <xdr:nvSpPr>
        <xdr:cNvPr id="116" name="フローチャート: 判断 115"/>
        <xdr:cNvSpPr/>
      </xdr:nvSpPr>
      <xdr:spPr>
        <a:xfrm>
          <a:off x="7810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7" name="テキスト ボックス 116"/>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8" name="テキスト ボックス 117"/>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9" name="テキスト ボックス 118"/>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0" name="テキスト ボックス 119"/>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1" name="テキスト ボックス 120"/>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82550</xdr:rowOff>
    </xdr:from>
    <xdr:to>
      <xdr:col>55</xdr:col>
      <xdr:colOff>50800</xdr:colOff>
      <xdr:row>42</xdr:row>
      <xdr:rowOff>12700</xdr:rowOff>
    </xdr:to>
    <xdr:sp macro="" textlink="">
      <xdr:nvSpPr>
        <xdr:cNvPr id="122" name="楕円 121"/>
        <xdr:cNvSpPr/>
      </xdr:nvSpPr>
      <xdr:spPr>
        <a:xfrm>
          <a:off x="10426700" y="711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8927</xdr:rowOff>
    </xdr:from>
    <xdr:ext cx="469744" cy="259045"/>
    <xdr:sp macro="" textlink="">
      <xdr:nvSpPr>
        <xdr:cNvPr id="123" name="【図書館】&#10;一人当たり面積該当値テキスト"/>
        <xdr:cNvSpPr txBox="1"/>
      </xdr:nvSpPr>
      <xdr:spPr>
        <a:xfrm>
          <a:off x="10515600" y="702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82550</xdr:rowOff>
    </xdr:from>
    <xdr:to>
      <xdr:col>50</xdr:col>
      <xdr:colOff>165100</xdr:colOff>
      <xdr:row>42</xdr:row>
      <xdr:rowOff>12700</xdr:rowOff>
    </xdr:to>
    <xdr:sp macro="" textlink="">
      <xdr:nvSpPr>
        <xdr:cNvPr id="124" name="楕円 123"/>
        <xdr:cNvSpPr/>
      </xdr:nvSpPr>
      <xdr:spPr>
        <a:xfrm>
          <a:off x="9588500" y="711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33350</xdr:rowOff>
    </xdr:from>
    <xdr:to>
      <xdr:col>55</xdr:col>
      <xdr:colOff>0</xdr:colOff>
      <xdr:row>41</xdr:row>
      <xdr:rowOff>133350</xdr:rowOff>
    </xdr:to>
    <xdr:cxnSp macro="">
      <xdr:nvCxnSpPr>
        <xdr:cNvPr id="125" name="直線コネクタ 124"/>
        <xdr:cNvCxnSpPr/>
      </xdr:nvCxnSpPr>
      <xdr:spPr>
        <a:xfrm>
          <a:off x="9639300" y="716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82550</xdr:rowOff>
    </xdr:from>
    <xdr:to>
      <xdr:col>46</xdr:col>
      <xdr:colOff>38100</xdr:colOff>
      <xdr:row>42</xdr:row>
      <xdr:rowOff>12700</xdr:rowOff>
    </xdr:to>
    <xdr:sp macro="" textlink="">
      <xdr:nvSpPr>
        <xdr:cNvPr id="126" name="楕円 125"/>
        <xdr:cNvSpPr/>
      </xdr:nvSpPr>
      <xdr:spPr>
        <a:xfrm>
          <a:off x="8699500" y="711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33350</xdr:rowOff>
    </xdr:from>
    <xdr:to>
      <xdr:col>50</xdr:col>
      <xdr:colOff>114300</xdr:colOff>
      <xdr:row>41</xdr:row>
      <xdr:rowOff>133350</xdr:rowOff>
    </xdr:to>
    <xdr:cxnSp macro="">
      <xdr:nvCxnSpPr>
        <xdr:cNvPr id="127" name="直線コネクタ 126"/>
        <xdr:cNvCxnSpPr/>
      </xdr:nvCxnSpPr>
      <xdr:spPr>
        <a:xfrm>
          <a:off x="8750300" y="716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82550</xdr:rowOff>
    </xdr:from>
    <xdr:to>
      <xdr:col>41</xdr:col>
      <xdr:colOff>101600</xdr:colOff>
      <xdr:row>42</xdr:row>
      <xdr:rowOff>12700</xdr:rowOff>
    </xdr:to>
    <xdr:sp macro="" textlink="">
      <xdr:nvSpPr>
        <xdr:cNvPr id="128" name="楕円 127"/>
        <xdr:cNvSpPr/>
      </xdr:nvSpPr>
      <xdr:spPr>
        <a:xfrm>
          <a:off x="7810500" y="711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33350</xdr:rowOff>
    </xdr:from>
    <xdr:to>
      <xdr:col>45</xdr:col>
      <xdr:colOff>177800</xdr:colOff>
      <xdr:row>41</xdr:row>
      <xdr:rowOff>133350</xdr:rowOff>
    </xdr:to>
    <xdr:cxnSp macro="">
      <xdr:nvCxnSpPr>
        <xdr:cNvPr id="129" name="直線コネクタ 128"/>
        <xdr:cNvCxnSpPr/>
      </xdr:nvCxnSpPr>
      <xdr:spPr>
        <a:xfrm>
          <a:off x="7861300" y="716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32097</xdr:rowOff>
    </xdr:from>
    <xdr:ext cx="469744" cy="259045"/>
    <xdr:sp macro="" textlink="">
      <xdr:nvSpPr>
        <xdr:cNvPr id="130" name="n_1aveValue【図書館】&#10;一人当たり面積"/>
        <xdr:cNvSpPr txBox="1"/>
      </xdr:nvSpPr>
      <xdr:spPr>
        <a:xfrm>
          <a:off x="9391727" y="647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32097</xdr:rowOff>
    </xdr:from>
    <xdr:ext cx="469744" cy="259045"/>
    <xdr:sp macro="" textlink="">
      <xdr:nvSpPr>
        <xdr:cNvPr id="131" name="n_2aveValue【図書館】&#10;一人当たり面積"/>
        <xdr:cNvSpPr txBox="1"/>
      </xdr:nvSpPr>
      <xdr:spPr>
        <a:xfrm>
          <a:off x="8515427" y="647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86377</xdr:rowOff>
    </xdr:from>
    <xdr:ext cx="469744" cy="259045"/>
    <xdr:sp macro="" textlink="">
      <xdr:nvSpPr>
        <xdr:cNvPr id="132" name="n_3aveValue【図書館】&#10;一人当たり面積"/>
        <xdr:cNvSpPr txBox="1"/>
      </xdr:nvSpPr>
      <xdr:spPr>
        <a:xfrm>
          <a:off x="7626427" y="643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3827</xdr:rowOff>
    </xdr:from>
    <xdr:ext cx="469744" cy="259045"/>
    <xdr:sp macro="" textlink="">
      <xdr:nvSpPr>
        <xdr:cNvPr id="133" name="n_1mainValue【図書館】&#10;一人当たり面積"/>
        <xdr:cNvSpPr txBox="1"/>
      </xdr:nvSpPr>
      <xdr:spPr>
        <a:xfrm>
          <a:off x="9391727"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3827</xdr:rowOff>
    </xdr:from>
    <xdr:ext cx="469744" cy="259045"/>
    <xdr:sp macro="" textlink="">
      <xdr:nvSpPr>
        <xdr:cNvPr id="134" name="n_2mainValue【図書館】&#10;一人当たり面積"/>
        <xdr:cNvSpPr txBox="1"/>
      </xdr:nvSpPr>
      <xdr:spPr>
        <a:xfrm>
          <a:off x="8515427"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3827</xdr:rowOff>
    </xdr:from>
    <xdr:ext cx="469744" cy="259045"/>
    <xdr:sp macro="" textlink="">
      <xdr:nvSpPr>
        <xdr:cNvPr id="135" name="n_3mainValue【図書館】&#10;一人当たり面積"/>
        <xdr:cNvSpPr txBox="1"/>
      </xdr:nvSpPr>
      <xdr:spPr>
        <a:xfrm>
          <a:off x="7626427"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6" name="正方形/長方形 13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7" name="正方形/長方形 13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8" name="正方形/長方形 13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9" name="正方形/長方形 13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0" name="正方形/長方形 13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1" name="正方形/長方形 14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2" name="正方形/長方形 14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3" name="正方形/長方形 14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4" name="テキスト ボックス 14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5" name="直線コネクタ 14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46" name="テキスト ボックス 145"/>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47" name="直線コネクタ 146"/>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48" name="テキスト ボックス 147"/>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49" name="直線コネクタ 148"/>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50" name="テキスト ボックス 149"/>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51" name="直線コネクタ 150"/>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52" name="テキスト ボックス 151"/>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53" name="直線コネクタ 152"/>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54" name="テキスト ボックス 153"/>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5" name="直線コネクタ 154"/>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56" name="テキスト ボックス 155"/>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7"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2014</xdr:rowOff>
    </xdr:from>
    <xdr:to>
      <xdr:col>24</xdr:col>
      <xdr:colOff>62865</xdr:colOff>
      <xdr:row>63</xdr:row>
      <xdr:rowOff>6858</xdr:rowOff>
    </xdr:to>
    <xdr:cxnSp macro="">
      <xdr:nvCxnSpPr>
        <xdr:cNvPr id="158" name="直線コネクタ 157"/>
        <xdr:cNvCxnSpPr/>
      </xdr:nvCxnSpPr>
      <xdr:spPr>
        <a:xfrm flipV="1">
          <a:off x="4634865" y="9541764"/>
          <a:ext cx="0" cy="12664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0685</xdr:rowOff>
    </xdr:from>
    <xdr:ext cx="405111" cy="259045"/>
    <xdr:sp macro="" textlink="">
      <xdr:nvSpPr>
        <xdr:cNvPr id="159" name="【体育館・プール】&#10;有形固定資産減価償却率最小値テキスト"/>
        <xdr:cNvSpPr txBox="1"/>
      </xdr:nvSpPr>
      <xdr:spPr>
        <a:xfrm>
          <a:off x="4673600" y="10812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6858</xdr:rowOff>
    </xdr:from>
    <xdr:to>
      <xdr:col>24</xdr:col>
      <xdr:colOff>152400</xdr:colOff>
      <xdr:row>63</xdr:row>
      <xdr:rowOff>6858</xdr:rowOff>
    </xdr:to>
    <xdr:cxnSp macro="">
      <xdr:nvCxnSpPr>
        <xdr:cNvPr id="160" name="直線コネクタ 159"/>
        <xdr:cNvCxnSpPr/>
      </xdr:nvCxnSpPr>
      <xdr:spPr>
        <a:xfrm>
          <a:off x="4546600" y="10808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8691</xdr:rowOff>
    </xdr:from>
    <xdr:ext cx="405111" cy="259045"/>
    <xdr:sp macro="" textlink="">
      <xdr:nvSpPr>
        <xdr:cNvPr id="161" name="【体育館・プール】&#10;有形固定資産減価償却率最大値テキスト"/>
        <xdr:cNvSpPr txBox="1"/>
      </xdr:nvSpPr>
      <xdr:spPr>
        <a:xfrm>
          <a:off x="4673600" y="9316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2014</xdr:rowOff>
    </xdr:from>
    <xdr:to>
      <xdr:col>24</xdr:col>
      <xdr:colOff>152400</xdr:colOff>
      <xdr:row>55</xdr:row>
      <xdr:rowOff>112014</xdr:rowOff>
    </xdr:to>
    <xdr:cxnSp macro="">
      <xdr:nvCxnSpPr>
        <xdr:cNvPr id="162" name="直線コネクタ 161"/>
        <xdr:cNvCxnSpPr/>
      </xdr:nvCxnSpPr>
      <xdr:spPr>
        <a:xfrm>
          <a:off x="4546600" y="9541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20667</xdr:rowOff>
    </xdr:from>
    <xdr:ext cx="405111" cy="259045"/>
    <xdr:sp macro="" textlink="">
      <xdr:nvSpPr>
        <xdr:cNvPr id="163" name="【体育館・プール】&#10;有形固定資産減価償却率平均値テキスト"/>
        <xdr:cNvSpPr txBox="1"/>
      </xdr:nvSpPr>
      <xdr:spPr>
        <a:xfrm>
          <a:off x="4673600" y="100647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7790</xdr:rowOff>
    </xdr:from>
    <xdr:to>
      <xdr:col>24</xdr:col>
      <xdr:colOff>114300</xdr:colOff>
      <xdr:row>60</xdr:row>
      <xdr:rowOff>27940</xdr:rowOff>
    </xdr:to>
    <xdr:sp macro="" textlink="">
      <xdr:nvSpPr>
        <xdr:cNvPr id="164" name="フローチャート: 判断 163"/>
        <xdr:cNvSpPr/>
      </xdr:nvSpPr>
      <xdr:spPr>
        <a:xfrm>
          <a:off x="4584700" y="1021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8082</xdr:rowOff>
    </xdr:from>
    <xdr:to>
      <xdr:col>20</xdr:col>
      <xdr:colOff>38100</xdr:colOff>
      <xdr:row>60</xdr:row>
      <xdr:rowOff>78232</xdr:rowOff>
    </xdr:to>
    <xdr:sp macro="" textlink="">
      <xdr:nvSpPr>
        <xdr:cNvPr id="165" name="フローチャート: 判断 164"/>
        <xdr:cNvSpPr/>
      </xdr:nvSpPr>
      <xdr:spPr>
        <a:xfrm>
          <a:off x="3746500" y="10263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1496</xdr:rowOff>
    </xdr:from>
    <xdr:to>
      <xdr:col>15</xdr:col>
      <xdr:colOff>101600</xdr:colOff>
      <xdr:row>60</xdr:row>
      <xdr:rowOff>133096</xdr:rowOff>
    </xdr:to>
    <xdr:sp macro="" textlink="">
      <xdr:nvSpPr>
        <xdr:cNvPr id="166" name="フローチャート: 判断 165"/>
        <xdr:cNvSpPr/>
      </xdr:nvSpPr>
      <xdr:spPr>
        <a:xfrm>
          <a:off x="2857500" y="10318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36652</xdr:rowOff>
    </xdr:from>
    <xdr:to>
      <xdr:col>10</xdr:col>
      <xdr:colOff>165100</xdr:colOff>
      <xdr:row>61</xdr:row>
      <xdr:rowOff>66802</xdr:rowOff>
    </xdr:to>
    <xdr:sp macro="" textlink="">
      <xdr:nvSpPr>
        <xdr:cNvPr id="167" name="フローチャート: 判断 166"/>
        <xdr:cNvSpPr/>
      </xdr:nvSpPr>
      <xdr:spPr>
        <a:xfrm>
          <a:off x="1968500" y="1042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8" name="テキスト ボックス 167"/>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9" name="テキスト ボックス 168"/>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0" name="テキスト ボックス 169"/>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1" name="テキスト ボックス 170"/>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2" name="テキスト ボックス 171"/>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72644</xdr:rowOff>
    </xdr:from>
    <xdr:to>
      <xdr:col>24</xdr:col>
      <xdr:colOff>114300</xdr:colOff>
      <xdr:row>63</xdr:row>
      <xdr:rowOff>2794</xdr:rowOff>
    </xdr:to>
    <xdr:sp macro="" textlink="">
      <xdr:nvSpPr>
        <xdr:cNvPr id="173" name="楕円 172"/>
        <xdr:cNvSpPr/>
      </xdr:nvSpPr>
      <xdr:spPr>
        <a:xfrm>
          <a:off x="4584700" y="1070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59021</xdr:rowOff>
    </xdr:from>
    <xdr:ext cx="405111" cy="259045"/>
    <xdr:sp macro="" textlink="">
      <xdr:nvSpPr>
        <xdr:cNvPr id="174" name="【体育館・プール】&#10;有形固定資産減価償却率該当値テキスト"/>
        <xdr:cNvSpPr txBox="1"/>
      </xdr:nvSpPr>
      <xdr:spPr>
        <a:xfrm>
          <a:off x="4673600" y="10617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4</xdr:row>
      <xdr:rowOff>58928</xdr:rowOff>
    </xdr:from>
    <xdr:to>
      <xdr:col>20</xdr:col>
      <xdr:colOff>38100</xdr:colOff>
      <xdr:row>64</xdr:row>
      <xdr:rowOff>160528</xdr:rowOff>
    </xdr:to>
    <xdr:sp macro="" textlink="">
      <xdr:nvSpPr>
        <xdr:cNvPr id="175" name="楕円 174"/>
        <xdr:cNvSpPr/>
      </xdr:nvSpPr>
      <xdr:spPr>
        <a:xfrm>
          <a:off x="3746500" y="11031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123444</xdr:rowOff>
    </xdr:from>
    <xdr:to>
      <xdr:col>24</xdr:col>
      <xdr:colOff>63500</xdr:colOff>
      <xdr:row>64</xdr:row>
      <xdr:rowOff>109728</xdr:rowOff>
    </xdr:to>
    <xdr:cxnSp macro="">
      <xdr:nvCxnSpPr>
        <xdr:cNvPr id="176" name="直線コネクタ 175"/>
        <xdr:cNvCxnSpPr/>
      </xdr:nvCxnSpPr>
      <xdr:spPr>
        <a:xfrm flipV="1">
          <a:off x="3797300" y="10753344"/>
          <a:ext cx="838200" cy="329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8636</xdr:rowOff>
    </xdr:from>
    <xdr:to>
      <xdr:col>15</xdr:col>
      <xdr:colOff>101600</xdr:colOff>
      <xdr:row>62</xdr:row>
      <xdr:rowOff>110236</xdr:rowOff>
    </xdr:to>
    <xdr:sp macro="" textlink="">
      <xdr:nvSpPr>
        <xdr:cNvPr id="177" name="楕円 176"/>
        <xdr:cNvSpPr/>
      </xdr:nvSpPr>
      <xdr:spPr>
        <a:xfrm>
          <a:off x="2857500" y="10638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59436</xdr:rowOff>
    </xdr:from>
    <xdr:to>
      <xdr:col>19</xdr:col>
      <xdr:colOff>177800</xdr:colOff>
      <xdr:row>64</xdr:row>
      <xdr:rowOff>109728</xdr:rowOff>
    </xdr:to>
    <xdr:cxnSp macro="">
      <xdr:nvCxnSpPr>
        <xdr:cNvPr id="178" name="直線コネクタ 177"/>
        <xdr:cNvCxnSpPr/>
      </xdr:nvCxnSpPr>
      <xdr:spPr>
        <a:xfrm>
          <a:off x="2908300" y="10689336"/>
          <a:ext cx="889000" cy="393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3</xdr:row>
      <xdr:rowOff>74930</xdr:rowOff>
    </xdr:from>
    <xdr:to>
      <xdr:col>10</xdr:col>
      <xdr:colOff>165100</xdr:colOff>
      <xdr:row>64</xdr:row>
      <xdr:rowOff>5080</xdr:rowOff>
    </xdr:to>
    <xdr:sp macro="" textlink="">
      <xdr:nvSpPr>
        <xdr:cNvPr id="179" name="楕円 178"/>
        <xdr:cNvSpPr/>
      </xdr:nvSpPr>
      <xdr:spPr>
        <a:xfrm>
          <a:off x="1968500" y="1087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59436</xdr:rowOff>
    </xdr:from>
    <xdr:to>
      <xdr:col>15</xdr:col>
      <xdr:colOff>50800</xdr:colOff>
      <xdr:row>63</xdr:row>
      <xdr:rowOff>125730</xdr:rowOff>
    </xdr:to>
    <xdr:cxnSp macro="">
      <xdr:nvCxnSpPr>
        <xdr:cNvPr id="180" name="直線コネクタ 179"/>
        <xdr:cNvCxnSpPr/>
      </xdr:nvCxnSpPr>
      <xdr:spPr>
        <a:xfrm flipV="1">
          <a:off x="2019300" y="10689336"/>
          <a:ext cx="889000" cy="237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94759</xdr:rowOff>
    </xdr:from>
    <xdr:ext cx="405111" cy="259045"/>
    <xdr:sp macro="" textlink="">
      <xdr:nvSpPr>
        <xdr:cNvPr id="181" name="n_1aveValue【体育館・プール】&#10;有形固定資産減価償却率"/>
        <xdr:cNvSpPr txBox="1"/>
      </xdr:nvSpPr>
      <xdr:spPr>
        <a:xfrm>
          <a:off x="3582044" y="100388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49623</xdr:rowOff>
    </xdr:from>
    <xdr:ext cx="405111" cy="259045"/>
    <xdr:sp macro="" textlink="">
      <xdr:nvSpPr>
        <xdr:cNvPr id="182" name="n_2aveValue【体育館・プール】&#10;有形固定資産減価償却率"/>
        <xdr:cNvSpPr txBox="1"/>
      </xdr:nvSpPr>
      <xdr:spPr>
        <a:xfrm>
          <a:off x="2705744" y="100937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83329</xdr:rowOff>
    </xdr:from>
    <xdr:ext cx="405111" cy="259045"/>
    <xdr:sp macro="" textlink="">
      <xdr:nvSpPr>
        <xdr:cNvPr id="183" name="n_3aveValue【体育館・プール】&#10;有形固定資産減価償却率"/>
        <xdr:cNvSpPr txBox="1"/>
      </xdr:nvSpPr>
      <xdr:spPr>
        <a:xfrm>
          <a:off x="1816744" y="101988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4</xdr:row>
      <xdr:rowOff>151655</xdr:rowOff>
    </xdr:from>
    <xdr:ext cx="405111" cy="259045"/>
    <xdr:sp macro="" textlink="">
      <xdr:nvSpPr>
        <xdr:cNvPr id="184" name="n_1mainValue【体育館・プール】&#10;有形固定資産減価償却率"/>
        <xdr:cNvSpPr txBox="1"/>
      </xdr:nvSpPr>
      <xdr:spPr>
        <a:xfrm>
          <a:off x="3582044" y="11124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101363</xdr:rowOff>
    </xdr:from>
    <xdr:ext cx="405111" cy="259045"/>
    <xdr:sp macro="" textlink="">
      <xdr:nvSpPr>
        <xdr:cNvPr id="185" name="n_2mainValue【体育館・プール】&#10;有形固定資産減価償却率"/>
        <xdr:cNvSpPr txBox="1"/>
      </xdr:nvSpPr>
      <xdr:spPr>
        <a:xfrm>
          <a:off x="2705744" y="10731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3</xdr:row>
      <xdr:rowOff>167657</xdr:rowOff>
    </xdr:from>
    <xdr:ext cx="405111" cy="259045"/>
    <xdr:sp macro="" textlink="">
      <xdr:nvSpPr>
        <xdr:cNvPr id="186" name="n_3mainValue【体育館・プール】&#10;有形固定資産減価償却率"/>
        <xdr:cNvSpPr txBox="1"/>
      </xdr:nvSpPr>
      <xdr:spPr>
        <a:xfrm>
          <a:off x="1816744" y="1096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7" name="正方形/長方形 18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8" name="正方形/長方形 18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9" name="正方形/長方形 18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0" name="正方形/長方形 18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1" name="正方形/長方形 19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2" name="正方形/長方形 19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3" name="正方形/長方形 19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4" name="正方形/長方形 19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5" name="テキスト ボックス 19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6" name="直線コネクタ 19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197" name="テキスト ボックス 196"/>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130628</xdr:rowOff>
    </xdr:from>
    <xdr:to>
      <xdr:col>59</xdr:col>
      <xdr:colOff>50800</xdr:colOff>
      <xdr:row>64</xdr:row>
      <xdr:rowOff>130628</xdr:rowOff>
    </xdr:to>
    <xdr:cxnSp macro="">
      <xdr:nvCxnSpPr>
        <xdr:cNvPr id="198" name="直線コネクタ 197"/>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99" name="テキスト ボックス 198"/>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00" name="直線コネクタ 199"/>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01" name="テキスト ボックス 200"/>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02" name="直線コネクタ 201"/>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03" name="テキスト ボックス 202"/>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04" name="直線コネクタ 203"/>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05" name="テキスト ボックス 204"/>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06" name="直線コネクタ 205"/>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07" name="テキスト ボックス 206"/>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8" name="直線コネクタ 207"/>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09" name="テキスト ボックス 208"/>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0" name="直線コネクタ 20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1" name="テキスト ボックス 210"/>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2"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95250</xdr:rowOff>
    </xdr:from>
    <xdr:to>
      <xdr:col>54</xdr:col>
      <xdr:colOff>189865</xdr:colOff>
      <xdr:row>64</xdr:row>
      <xdr:rowOff>10885</xdr:rowOff>
    </xdr:to>
    <xdr:cxnSp macro="">
      <xdr:nvCxnSpPr>
        <xdr:cNvPr id="213" name="直線コネクタ 212"/>
        <xdr:cNvCxnSpPr/>
      </xdr:nvCxnSpPr>
      <xdr:spPr>
        <a:xfrm flipV="1">
          <a:off x="10476865" y="9525000"/>
          <a:ext cx="0" cy="14586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4712</xdr:rowOff>
    </xdr:from>
    <xdr:ext cx="469744" cy="259045"/>
    <xdr:sp macro="" textlink="">
      <xdr:nvSpPr>
        <xdr:cNvPr id="214" name="【体育館・プール】&#10;一人当たり面積最小値テキスト"/>
        <xdr:cNvSpPr txBox="1"/>
      </xdr:nvSpPr>
      <xdr:spPr>
        <a:xfrm>
          <a:off x="10515600" y="10987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885</xdr:rowOff>
    </xdr:from>
    <xdr:to>
      <xdr:col>55</xdr:col>
      <xdr:colOff>88900</xdr:colOff>
      <xdr:row>64</xdr:row>
      <xdr:rowOff>10885</xdr:rowOff>
    </xdr:to>
    <xdr:cxnSp macro="">
      <xdr:nvCxnSpPr>
        <xdr:cNvPr id="215" name="直線コネクタ 214"/>
        <xdr:cNvCxnSpPr/>
      </xdr:nvCxnSpPr>
      <xdr:spPr>
        <a:xfrm>
          <a:off x="10388600" y="10983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41927</xdr:rowOff>
    </xdr:from>
    <xdr:ext cx="469744" cy="259045"/>
    <xdr:sp macro="" textlink="">
      <xdr:nvSpPr>
        <xdr:cNvPr id="216" name="【体育館・プール】&#10;一人当たり面積最大値テキスト"/>
        <xdr:cNvSpPr txBox="1"/>
      </xdr:nvSpPr>
      <xdr:spPr>
        <a:xfrm>
          <a:off x="10515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95250</xdr:rowOff>
    </xdr:from>
    <xdr:to>
      <xdr:col>55</xdr:col>
      <xdr:colOff>88900</xdr:colOff>
      <xdr:row>55</xdr:row>
      <xdr:rowOff>95250</xdr:rowOff>
    </xdr:to>
    <xdr:cxnSp macro="">
      <xdr:nvCxnSpPr>
        <xdr:cNvPr id="217" name="直線コネクタ 216"/>
        <xdr:cNvCxnSpPr/>
      </xdr:nvCxnSpPr>
      <xdr:spPr>
        <a:xfrm>
          <a:off x="10388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70742</xdr:rowOff>
    </xdr:from>
    <xdr:ext cx="469744" cy="259045"/>
    <xdr:sp macro="" textlink="">
      <xdr:nvSpPr>
        <xdr:cNvPr id="218" name="【体育館・プール】&#10;一人当たり面積平均値テキスト"/>
        <xdr:cNvSpPr txBox="1"/>
      </xdr:nvSpPr>
      <xdr:spPr>
        <a:xfrm>
          <a:off x="10515600" y="104577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47865</xdr:rowOff>
    </xdr:from>
    <xdr:to>
      <xdr:col>55</xdr:col>
      <xdr:colOff>50800</xdr:colOff>
      <xdr:row>62</xdr:row>
      <xdr:rowOff>78015</xdr:rowOff>
    </xdr:to>
    <xdr:sp macro="" textlink="">
      <xdr:nvSpPr>
        <xdr:cNvPr id="219" name="フローチャート: 判断 218"/>
        <xdr:cNvSpPr/>
      </xdr:nvSpPr>
      <xdr:spPr>
        <a:xfrm>
          <a:off x="10426700" y="1060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47865</xdr:rowOff>
    </xdr:from>
    <xdr:to>
      <xdr:col>50</xdr:col>
      <xdr:colOff>165100</xdr:colOff>
      <xdr:row>62</xdr:row>
      <xdr:rowOff>78015</xdr:rowOff>
    </xdr:to>
    <xdr:sp macro="" textlink="">
      <xdr:nvSpPr>
        <xdr:cNvPr id="220" name="フローチャート: 判断 219"/>
        <xdr:cNvSpPr/>
      </xdr:nvSpPr>
      <xdr:spPr>
        <a:xfrm>
          <a:off x="9588500" y="1060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47865</xdr:rowOff>
    </xdr:from>
    <xdr:to>
      <xdr:col>46</xdr:col>
      <xdr:colOff>38100</xdr:colOff>
      <xdr:row>62</xdr:row>
      <xdr:rowOff>78015</xdr:rowOff>
    </xdr:to>
    <xdr:sp macro="" textlink="">
      <xdr:nvSpPr>
        <xdr:cNvPr id="221" name="フローチャート: 判断 220"/>
        <xdr:cNvSpPr/>
      </xdr:nvSpPr>
      <xdr:spPr>
        <a:xfrm>
          <a:off x="8699500" y="1060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2550</xdr:rowOff>
    </xdr:from>
    <xdr:to>
      <xdr:col>41</xdr:col>
      <xdr:colOff>101600</xdr:colOff>
      <xdr:row>62</xdr:row>
      <xdr:rowOff>12700</xdr:rowOff>
    </xdr:to>
    <xdr:sp macro="" textlink="">
      <xdr:nvSpPr>
        <xdr:cNvPr id="222" name="フローチャート: 判断 221"/>
        <xdr:cNvSpPr/>
      </xdr:nvSpPr>
      <xdr:spPr>
        <a:xfrm>
          <a:off x="7810500" y="1054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3" name="テキスト ボックス 22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4" name="テキスト ボックス 22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5" name="テキスト ボックス 22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6" name="テキスト ボックス 22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7" name="テキスト ボックス 22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31535</xdr:rowOff>
    </xdr:from>
    <xdr:to>
      <xdr:col>55</xdr:col>
      <xdr:colOff>50800</xdr:colOff>
      <xdr:row>64</xdr:row>
      <xdr:rowOff>61685</xdr:rowOff>
    </xdr:to>
    <xdr:sp macro="" textlink="">
      <xdr:nvSpPr>
        <xdr:cNvPr id="228" name="楕円 227"/>
        <xdr:cNvSpPr/>
      </xdr:nvSpPr>
      <xdr:spPr>
        <a:xfrm>
          <a:off x="10426700" y="10932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46462</xdr:rowOff>
    </xdr:from>
    <xdr:ext cx="469744" cy="259045"/>
    <xdr:sp macro="" textlink="">
      <xdr:nvSpPr>
        <xdr:cNvPr id="229" name="【体育館・プール】&#10;一人当たり面積該当値テキスト"/>
        <xdr:cNvSpPr txBox="1"/>
      </xdr:nvSpPr>
      <xdr:spPr>
        <a:xfrm>
          <a:off x="10515600" y="10847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31535</xdr:rowOff>
    </xdr:from>
    <xdr:to>
      <xdr:col>50</xdr:col>
      <xdr:colOff>165100</xdr:colOff>
      <xdr:row>64</xdr:row>
      <xdr:rowOff>61685</xdr:rowOff>
    </xdr:to>
    <xdr:sp macro="" textlink="">
      <xdr:nvSpPr>
        <xdr:cNvPr id="230" name="楕円 229"/>
        <xdr:cNvSpPr/>
      </xdr:nvSpPr>
      <xdr:spPr>
        <a:xfrm>
          <a:off x="9588500" y="10932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10885</xdr:rowOff>
    </xdr:from>
    <xdr:to>
      <xdr:col>55</xdr:col>
      <xdr:colOff>0</xdr:colOff>
      <xdr:row>64</xdr:row>
      <xdr:rowOff>10885</xdr:rowOff>
    </xdr:to>
    <xdr:cxnSp macro="">
      <xdr:nvCxnSpPr>
        <xdr:cNvPr id="231" name="直線コネクタ 230"/>
        <xdr:cNvCxnSpPr/>
      </xdr:nvCxnSpPr>
      <xdr:spPr>
        <a:xfrm>
          <a:off x="9639300" y="1098368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64193</xdr:rowOff>
    </xdr:from>
    <xdr:to>
      <xdr:col>46</xdr:col>
      <xdr:colOff>38100</xdr:colOff>
      <xdr:row>64</xdr:row>
      <xdr:rowOff>94343</xdr:rowOff>
    </xdr:to>
    <xdr:sp macro="" textlink="">
      <xdr:nvSpPr>
        <xdr:cNvPr id="232" name="楕円 231"/>
        <xdr:cNvSpPr/>
      </xdr:nvSpPr>
      <xdr:spPr>
        <a:xfrm>
          <a:off x="8699500" y="10965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10885</xdr:rowOff>
    </xdr:from>
    <xdr:to>
      <xdr:col>50</xdr:col>
      <xdr:colOff>114300</xdr:colOff>
      <xdr:row>64</xdr:row>
      <xdr:rowOff>43543</xdr:rowOff>
    </xdr:to>
    <xdr:cxnSp macro="">
      <xdr:nvCxnSpPr>
        <xdr:cNvPr id="233" name="直線コネクタ 232"/>
        <xdr:cNvCxnSpPr/>
      </xdr:nvCxnSpPr>
      <xdr:spPr>
        <a:xfrm flipV="1">
          <a:off x="8750300" y="1098368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64193</xdr:rowOff>
    </xdr:from>
    <xdr:to>
      <xdr:col>41</xdr:col>
      <xdr:colOff>101600</xdr:colOff>
      <xdr:row>64</xdr:row>
      <xdr:rowOff>94343</xdr:rowOff>
    </xdr:to>
    <xdr:sp macro="" textlink="">
      <xdr:nvSpPr>
        <xdr:cNvPr id="234" name="楕円 233"/>
        <xdr:cNvSpPr/>
      </xdr:nvSpPr>
      <xdr:spPr>
        <a:xfrm>
          <a:off x="7810500" y="10965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43543</xdr:rowOff>
    </xdr:from>
    <xdr:to>
      <xdr:col>45</xdr:col>
      <xdr:colOff>177800</xdr:colOff>
      <xdr:row>64</xdr:row>
      <xdr:rowOff>43543</xdr:rowOff>
    </xdr:to>
    <xdr:cxnSp macro="">
      <xdr:nvCxnSpPr>
        <xdr:cNvPr id="235" name="直線コネクタ 234"/>
        <xdr:cNvCxnSpPr/>
      </xdr:nvCxnSpPr>
      <xdr:spPr>
        <a:xfrm>
          <a:off x="7861300" y="110163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94542</xdr:rowOff>
    </xdr:from>
    <xdr:ext cx="469744" cy="259045"/>
    <xdr:sp macro="" textlink="">
      <xdr:nvSpPr>
        <xdr:cNvPr id="236" name="n_1aveValue【体育館・プール】&#10;一人当たり面積"/>
        <xdr:cNvSpPr txBox="1"/>
      </xdr:nvSpPr>
      <xdr:spPr>
        <a:xfrm>
          <a:off x="9391727" y="10381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94542</xdr:rowOff>
    </xdr:from>
    <xdr:ext cx="469744" cy="259045"/>
    <xdr:sp macro="" textlink="">
      <xdr:nvSpPr>
        <xdr:cNvPr id="237" name="n_2aveValue【体育館・プール】&#10;一人当たり面積"/>
        <xdr:cNvSpPr txBox="1"/>
      </xdr:nvSpPr>
      <xdr:spPr>
        <a:xfrm>
          <a:off x="8515427" y="10381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9227</xdr:rowOff>
    </xdr:from>
    <xdr:ext cx="469744" cy="259045"/>
    <xdr:sp macro="" textlink="">
      <xdr:nvSpPr>
        <xdr:cNvPr id="238" name="n_3aveValue【体育館・プール】&#10;一人当たり面積"/>
        <xdr:cNvSpPr txBox="1"/>
      </xdr:nvSpPr>
      <xdr:spPr>
        <a:xfrm>
          <a:off x="7626427" y="1031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52812</xdr:rowOff>
    </xdr:from>
    <xdr:ext cx="469744" cy="259045"/>
    <xdr:sp macro="" textlink="">
      <xdr:nvSpPr>
        <xdr:cNvPr id="239" name="n_1mainValue【体育館・プール】&#10;一人当たり面積"/>
        <xdr:cNvSpPr txBox="1"/>
      </xdr:nvSpPr>
      <xdr:spPr>
        <a:xfrm>
          <a:off x="9391727" y="11025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85470</xdr:rowOff>
    </xdr:from>
    <xdr:ext cx="469744" cy="259045"/>
    <xdr:sp macro="" textlink="">
      <xdr:nvSpPr>
        <xdr:cNvPr id="240" name="n_2mainValue【体育館・プール】&#10;一人当たり面積"/>
        <xdr:cNvSpPr txBox="1"/>
      </xdr:nvSpPr>
      <xdr:spPr>
        <a:xfrm>
          <a:off x="8515427" y="11058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85470</xdr:rowOff>
    </xdr:from>
    <xdr:ext cx="469744" cy="259045"/>
    <xdr:sp macro="" textlink="">
      <xdr:nvSpPr>
        <xdr:cNvPr id="241" name="n_3mainValue【体育館・プール】&#10;一人当たり面積"/>
        <xdr:cNvSpPr txBox="1"/>
      </xdr:nvSpPr>
      <xdr:spPr>
        <a:xfrm>
          <a:off x="7626427" y="11058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2" name="正方形/長方形 24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3" name="正方形/長方形 24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4" name="正方形/長方形 24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5" name="正方形/長方形 24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6" name="正方形/長方形 24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7" name="正方形/長方形 24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8" name="正方形/長方形 24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9" name="正方形/長方形 24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0" name="テキスト ボックス 24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1" name="直線コネクタ 25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52" name="テキスト ボックス 251"/>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53" name="直線コネクタ 252"/>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54" name="テキスト ボックス 253"/>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55" name="直線コネクタ 254"/>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56" name="テキスト ボックス 255"/>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57" name="直線コネクタ 256"/>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58" name="テキスト ボックス 257"/>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59" name="直線コネクタ 258"/>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60" name="テキスト ボックス 259"/>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61" name="直線コネクタ 260"/>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62" name="テキスト ボックス 261"/>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63" name="直線コネクタ 262"/>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64" name="テキスト ボックス 263"/>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5" name="直線コネクタ 26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66" name="テキスト ボックス 265"/>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7"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1569</xdr:rowOff>
    </xdr:from>
    <xdr:to>
      <xdr:col>24</xdr:col>
      <xdr:colOff>62865</xdr:colOff>
      <xdr:row>86</xdr:row>
      <xdr:rowOff>11974</xdr:rowOff>
    </xdr:to>
    <xdr:cxnSp macro="">
      <xdr:nvCxnSpPr>
        <xdr:cNvPr id="268" name="直線コネクタ 267"/>
        <xdr:cNvCxnSpPr/>
      </xdr:nvCxnSpPr>
      <xdr:spPr>
        <a:xfrm flipV="1">
          <a:off x="4634865" y="13404669"/>
          <a:ext cx="0" cy="1352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5801</xdr:rowOff>
    </xdr:from>
    <xdr:ext cx="405111" cy="259045"/>
    <xdr:sp macro="" textlink="">
      <xdr:nvSpPr>
        <xdr:cNvPr id="269" name="【福祉施設】&#10;有形固定資産減価償却率最小値テキスト"/>
        <xdr:cNvSpPr txBox="1"/>
      </xdr:nvSpPr>
      <xdr:spPr>
        <a:xfrm>
          <a:off x="4673600" y="14760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974</xdr:rowOff>
    </xdr:from>
    <xdr:to>
      <xdr:col>24</xdr:col>
      <xdr:colOff>152400</xdr:colOff>
      <xdr:row>86</xdr:row>
      <xdr:rowOff>11974</xdr:rowOff>
    </xdr:to>
    <xdr:cxnSp macro="">
      <xdr:nvCxnSpPr>
        <xdr:cNvPr id="270" name="直線コネクタ 269"/>
        <xdr:cNvCxnSpPr/>
      </xdr:nvCxnSpPr>
      <xdr:spPr>
        <a:xfrm>
          <a:off x="4546600" y="147566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49696</xdr:rowOff>
    </xdr:from>
    <xdr:ext cx="405111" cy="259045"/>
    <xdr:sp macro="" textlink="">
      <xdr:nvSpPr>
        <xdr:cNvPr id="271" name="【福祉施設】&#10;有形固定資産減価償却率最大値テキスト"/>
        <xdr:cNvSpPr txBox="1"/>
      </xdr:nvSpPr>
      <xdr:spPr>
        <a:xfrm>
          <a:off x="4673600" y="13179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1569</xdr:rowOff>
    </xdr:from>
    <xdr:to>
      <xdr:col>24</xdr:col>
      <xdr:colOff>152400</xdr:colOff>
      <xdr:row>78</xdr:row>
      <xdr:rowOff>31569</xdr:rowOff>
    </xdr:to>
    <xdr:cxnSp macro="">
      <xdr:nvCxnSpPr>
        <xdr:cNvPr id="272" name="直線コネクタ 271"/>
        <xdr:cNvCxnSpPr/>
      </xdr:nvCxnSpPr>
      <xdr:spPr>
        <a:xfrm>
          <a:off x="4546600" y="134046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27743</xdr:rowOff>
    </xdr:from>
    <xdr:ext cx="405111" cy="259045"/>
    <xdr:sp macro="" textlink="">
      <xdr:nvSpPr>
        <xdr:cNvPr id="273" name="【福祉施設】&#10;有形固定資産減価償却率平均値テキスト"/>
        <xdr:cNvSpPr txBox="1"/>
      </xdr:nvSpPr>
      <xdr:spPr>
        <a:xfrm>
          <a:off x="4673600" y="140151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04866</xdr:rowOff>
    </xdr:from>
    <xdr:to>
      <xdr:col>24</xdr:col>
      <xdr:colOff>114300</xdr:colOff>
      <xdr:row>83</xdr:row>
      <xdr:rowOff>35016</xdr:rowOff>
    </xdr:to>
    <xdr:sp macro="" textlink="">
      <xdr:nvSpPr>
        <xdr:cNvPr id="274" name="フローチャート: 判断 273"/>
        <xdr:cNvSpPr/>
      </xdr:nvSpPr>
      <xdr:spPr>
        <a:xfrm>
          <a:off x="4584700" y="1416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47320</xdr:rowOff>
    </xdr:from>
    <xdr:to>
      <xdr:col>20</xdr:col>
      <xdr:colOff>38100</xdr:colOff>
      <xdr:row>83</xdr:row>
      <xdr:rowOff>77470</xdr:rowOff>
    </xdr:to>
    <xdr:sp macro="" textlink="">
      <xdr:nvSpPr>
        <xdr:cNvPr id="275" name="フローチャート: 判断 274"/>
        <xdr:cNvSpPr/>
      </xdr:nvSpPr>
      <xdr:spPr>
        <a:xfrm>
          <a:off x="3746500" y="1420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1995</xdr:rowOff>
    </xdr:from>
    <xdr:to>
      <xdr:col>15</xdr:col>
      <xdr:colOff>101600</xdr:colOff>
      <xdr:row>83</xdr:row>
      <xdr:rowOff>103595</xdr:rowOff>
    </xdr:to>
    <xdr:sp macro="" textlink="">
      <xdr:nvSpPr>
        <xdr:cNvPr id="276" name="フローチャート: 判断 275"/>
        <xdr:cNvSpPr/>
      </xdr:nvSpPr>
      <xdr:spPr>
        <a:xfrm>
          <a:off x="2857500" y="1423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30992</xdr:rowOff>
    </xdr:from>
    <xdr:to>
      <xdr:col>10</xdr:col>
      <xdr:colOff>165100</xdr:colOff>
      <xdr:row>83</xdr:row>
      <xdr:rowOff>61142</xdr:rowOff>
    </xdr:to>
    <xdr:sp macro="" textlink="">
      <xdr:nvSpPr>
        <xdr:cNvPr id="277" name="フローチャート: 判断 276"/>
        <xdr:cNvSpPr/>
      </xdr:nvSpPr>
      <xdr:spPr>
        <a:xfrm>
          <a:off x="1968500" y="14189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8" name="テキスト ボックス 277"/>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9" name="テキスト ボックス 278"/>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0" name="テキスト ボックス 279"/>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1" name="テキスト ボックス 280"/>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2" name="テキスト ボックス 281"/>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21589</xdr:rowOff>
    </xdr:from>
    <xdr:to>
      <xdr:col>24</xdr:col>
      <xdr:colOff>114300</xdr:colOff>
      <xdr:row>85</xdr:row>
      <xdr:rowOff>123189</xdr:rowOff>
    </xdr:to>
    <xdr:sp macro="" textlink="">
      <xdr:nvSpPr>
        <xdr:cNvPr id="283" name="楕円 282"/>
        <xdr:cNvSpPr/>
      </xdr:nvSpPr>
      <xdr:spPr>
        <a:xfrm>
          <a:off x="4584700" y="14594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107966</xdr:rowOff>
    </xdr:from>
    <xdr:ext cx="405111" cy="259045"/>
    <xdr:sp macro="" textlink="">
      <xdr:nvSpPr>
        <xdr:cNvPr id="284" name="【福祉施設】&#10;有形固定資産減価償却率該当値テキスト"/>
        <xdr:cNvSpPr txBox="1"/>
      </xdr:nvSpPr>
      <xdr:spPr>
        <a:xfrm>
          <a:off x="4673600" y="14509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60779</xdr:rowOff>
    </xdr:from>
    <xdr:to>
      <xdr:col>20</xdr:col>
      <xdr:colOff>38100</xdr:colOff>
      <xdr:row>85</xdr:row>
      <xdr:rowOff>162379</xdr:rowOff>
    </xdr:to>
    <xdr:sp macro="" textlink="">
      <xdr:nvSpPr>
        <xdr:cNvPr id="285" name="楕円 284"/>
        <xdr:cNvSpPr/>
      </xdr:nvSpPr>
      <xdr:spPr>
        <a:xfrm>
          <a:off x="3746500" y="14634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72389</xdr:rowOff>
    </xdr:from>
    <xdr:to>
      <xdr:col>24</xdr:col>
      <xdr:colOff>63500</xdr:colOff>
      <xdr:row>85</xdr:row>
      <xdr:rowOff>111579</xdr:rowOff>
    </xdr:to>
    <xdr:cxnSp macro="">
      <xdr:nvCxnSpPr>
        <xdr:cNvPr id="286" name="直線コネクタ 285"/>
        <xdr:cNvCxnSpPr/>
      </xdr:nvCxnSpPr>
      <xdr:spPr>
        <a:xfrm flipV="1">
          <a:off x="3797300" y="14645639"/>
          <a:ext cx="838200" cy="39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5</xdr:row>
      <xdr:rowOff>122827</xdr:rowOff>
    </xdr:from>
    <xdr:to>
      <xdr:col>15</xdr:col>
      <xdr:colOff>101600</xdr:colOff>
      <xdr:row>86</xdr:row>
      <xdr:rowOff>52977</xdr:rowOff>
    </xdr:to>
    <xdr:sp macro="" textlink="">
      <xdr:nvSpPr>
        <xdr:cNvPr id="287" name="楕円 286"/>
        <xdr:cNvSpPr/>
      </xdr:nvSpPr>
      <xdr:spPr>
        <a:xfrm>
          <a:off x="2857500" y="14696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111579</xdr:rowOff>
    </xdr:from>
    <xdr:to>
      <xdr:col>19</xdr:col>
      <xdr:colOff>177800</xdr:colOff>
      <xdr:row>86</xdr:row>
      <xdr:rowOff>2177</xdr:rowOff>
    </xdr:to>
    <xdr:cxnSp macro="">
      <xdr:nvCxnSpPr>
        <xdr:cNvPr id="288" name="直線コネクタ 287"/>
        <xdr:cNvCxnSpPr/>
      </xdr:nvCxnSpPr>
      <xdr:spPr>
        <a:xfrm flipV="1">
          <a:off x="2908300" y="14684829"/>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5</xdr:row>
      <xdr:rowOff>73842</xdr:rowOff>
    </xdr:from>
    <xdr:to>
      <xdr:col>10</xdr:col>
      <xdr:colOff>165100</xdr:colOff>
      <xdr:row>86</xdr:row>
      <xdr:rowOff>3992</xdr:rowOff>
    </xdr:to>
    <xdr:sp macro="" textlink="">
      <xdr:nvSpPr>
        <xdr:cNvPr id="289" name="楕円 288"/>
        <xdr:cNvSpPr/>
      </xdr:nvSpPr>
      <xdr:spPr>
        <a:xfrm>
          <a:off x="1968500" y="14647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5</xdr:row>
      <xdr:rowOff>124642</xdr:rowOff>
    </xdr:from>
    <xdr:to>
      <xdr:col>15</xdr:col>
      <xdr:colOff>50800</xdr:colOff>
      <xdr:row>86</xdr:row>
      <xdr:rowOff>2177</xdr:rowOff>
    </xdr:to>
    <xdr:cxnSp macro="">
      <xdr:nvCxnSpPr>
        <xdr:cNvPr id="290" name="直線コネクタ 289"/>
        <xdr:cNvCxnSpPr/>
      </xdr:nvCxnSpPr>
      <xdr:spPr>
        <a:xfrm>
          <a:off x="2019300" y="14697892"/>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93997</xdr:rowOff>
    </xdr:from>
    <xdr:ext cx="405111" cy="259045"/>
    <xdr:sp macro="" textlink="">
      <xdr:nvSpPr>
        <xdr:cNvPr id="291" name="n_1aveValue【福祉施設】&#10;有形固定資産減価償却率"/>
        <xdr:cNvSpPr txBox="1"/>
      </xdr:nvSpPr>
      <xdr:spPr>
        <a:xfrm>
          <a:off x="3582044" y="1398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20122</xdr:rowOff>
    </xdr:from>
    <xdr:ext cx="405111" cy="259045"/>
    <xdr:sp macro="" textlink="">
      <xdr:nvSpPr>
        <xdr:cNvPr id="292" name="n_2aveValue【福祉施設】&#10;有形固定資産減価償却率"/>
        <xdr:cNvSpPr txBox="1"/>
      </xdr:nvSpPr>
      <xdr:spPr>
        <a:xfrm>
          <a:off x="2705744" y="14007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77669</xdr:rowOff>
    </xdr:from>
    <xdr:ext cx="405111" cy="259045"/>
    <xdr:sp macro="" textlink="">
      <xdr:nvSpPr>
        <xdr:cNvPr id="293" name="n_3aveValue【福祉施設】&#10;有形固定資産減価償却率"/>
        <xdr:cNvSpPr txBox="1"/>
      </xdr:nvSpPr>
      <xdr:spPr>
        <a:xfrm>
          <a:off x="1816744" y="13965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53506</xdr:rowOff>
    </xdr:from>
    <xdr:ext cx="405111" cy="259045"/>
    <xdr:sp macro="" textlink="">
      <xdr:nvSpPr>
        <xdr:cNvPr id="294" name="n_1mainValue【福祉施設】&#10;有形固定資産減価償却率"/>
        <xdr:cNvSpPr txBox="1"/>
      </xdr:nvSpPr>
      <xdr:spPr>
        <a:xfrm>
          <a:off x="3582044" y="14726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6</xdr:row>
      <xdr:rowOff>44104</xdr:rowOff>
    </xdr:from>
    <xdr:ext cx="405111" cy="259045"/>
    <xdr:sp macro="" textlink="">
      <xdr:nvSpPr>
        <xdr:cNvPr id="295" name="n_2mainValue【福祉施設】&#10;有形固定資産減価償却率"/>
        <xdr:cNvSpPr txBox="1"/>
      </xdr:nvSpPr>
      <xdr:spPr>
        <a:xfrm>
          <a:off x="2705744" y="14788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166569</xdr:rowOff>
    </xdr:from>
    <xdr:ext cx="405111" cy="259045"/>
    <xdr:sp macro="" textlink="">
      <xdr:nvSpPr>
        <xdr:cNvPr id="296" name="n_3mainValue【福祉施設】&#10;有形固定資産減価償却率"/>
        <xdr:cNvSpPr txBox="1"/>
      </xdr:nvSpPr>
      <xdr:spPr>
        <a:xfrm>
          <a:off x="1816744" y="14739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7" name="正方形/長方形 29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8" name="正方形/長方形 29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9" name="正方形/長方形 29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0" name="正方形/長方形 29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1" name="正方形/長方形 30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2" name="正方形/長方形 30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3" name="正方形/長方形 30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4" name="正方形/長方形 30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5" name="テキスト ボックス 30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6" name="直線コネクタ 30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07" name="直線コネクタ 306"/>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08" name="テキスト ボックス 307"/>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09" name="直線コネクタ 308"/>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10" name="テキスト ボックス 309"/>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11" name="直線コネクタ 310"/>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12" name="テキスト ボックス 311"/>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13" name="直線コネクタ 312"/>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14" name="テキスト ボックス 313"/>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15" name="直線コネクタ 314"/>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16" name="テキスト ボックス 315"/>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17" name="直線コネクタ 316"/>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18" name="テキスト ボックス 317"/>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9" name="直線コネクタ 31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0" name="テキスト ボックス 31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1"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38100</xdr:rowOff>
    </xdr:from>
    <xdr:to>
      <xdr:col>54</xdr:col>
      <xdr:colOff>189865</xdr:colOff>
      <xdr:row>85</xdr:row>
      <xdr:rowOff>144236</xdr:rowOff>
    </xdr:to>
    <xdr:cxnSp macro="">
      <xdr:nvCxnSpPr>
        <xdr:cNvPr id="322" name="直線コネクタ 321"/>
        <xdr:cNvCxnSpPr/>
      </xdr:nvCxnSpPr>
      <xdr:spPr>
        <a:xfrm flipV="1">
          <a:off x="10476865" y="13411200"/>
          <a:ext cx="0" cy="13062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48063</xdr:rowOff>
    </xdr:from>
    <xdr:ext cx="469744" cy="259045"/>
    <xdr:sp macro="" textlink="">
      <xdr:nvSpPr>
        <xdr:cNvPr id="323" name="【福祉施設】&#10;一人当たり面積最小値テキスト"/>
        <xdr:cNvSpPr txBox="1"/>
      </xdr:nvSpPr>
      <xdr:spPr>
        <a:xfrm>
          <a:off x="10515600" y="14721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44236</xdr:rowOff>
    </xdr:from>
    <xdr:to>
      <xdr:col>55</xdr:col>
      <xdr:colOff>88900</xdr:colOff>
      <xdr:row>85</xdr:row>
      <xdr:rowOff>144236</xdr:rowOff>
    </xdr:to>
    <xdr:cxnSp macro="">
      <xdr:nvCxnSpPr>
        <xdr:cNvPr id="324" name="直線コネクタ 323"/>
        <xdr:cNvCxnSpPr/>
      </xdr:nvCxnSpPr>
      <xdr:spPr>
        <a:xfrm>
          <a:off x="10388600" y="1471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56227</xdr:rowOff>
    </xdr:from>
    <xdr:ext cx="469744" cy="259045"/>
    <xdr:sp macro="" textlink="">
      <xdr:nvSpPr>
        <xdr:cNvPr id="325" name="【福祉施設】&#10;一人当たり面積最大値テキスト"/>
        <xdr:cNvSpPr txBox="1"/>
      </xdr:nvSpPr>
      <xdr:spPr>
        <a:xfrm>
          <a:off x="10515600" y="1318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38100</xdr:rowOff>
    </xdr:from>
    <xdr:to>
      <xdr:col>55</xdr:col>
      <xdr:colOff>88900</xdr:colOff>
      <xdr:row>78</xdr:row>
      <xdr:rowOff>38100</xdr:rowOff>
    </xdr:to>
    <xdr:cxnSp macro="">
      <xdr:nvCxnSpPr>
        <xdr:cNvPr id="326" name="直線コネクタ 325"/>
        <xdr:cNvCxnSpPr/>
      </xdr:nvCxnSpPr>
      <xdr:spPr>
        <a:xfrm>
          <a:off x="10388600" y="1341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24477</xdr:rowOff>
    </xdr:from>
    <xdr:ext cx="469744" cy="259045"/>
    <xdr:sp macro="" textlink="">
      <xdr:nvSpPr>
        <xdr:cNvPr id="327" name="【福祉施設】&#10;一人当たり面積平均値テキスト"/>
        <xdr:cNvSpPr txBox="1"/>
      </xdr:nvSpPr>
      <xdr:spPr>
        <a:xfrm>
          <a:off x="10515600" y="14011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01600</xdr:rowOff>
    </xdr:from>
    <xdr:to>
      <xdr:col>55</xdr:col>
      <xdr:colOff>50800</xdr:colOff>
      <xdr:row>83</xdr:row>
      <xdr:rowOff>31750</xdr:rowOff>
    </xdr:to>
    <xdr:sp macro="" textlink="">
      <xdr:nvSpPr>
        <xdr:cNvPr id="328" name="フローチャート: 判断 327"/>
        <xdr:cNvSpPr/>
      </xdr:nvSpPr>
      <xdr:spPr>
        <a:xfrm>
          <a:off x="10426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85271</xdr:rowOff>
    </xdr:from>
    <xdr:to>
      <xdr:col>50</xdr:col>
      <xdr:colOff>165100</xdr:colOff>
      <xdr:row>83</xdr:row>
      <xdr:rowOff>15421</xdr:rowOff>
    </xdr:to>
    <xdr:sp macro="" textlink="">
      <xdr:nvSpPr>
        <xdr:cNvPr id="329" name="フローチャート: 判断 328"/>
        <xdr:cNvSpPr/>
      </xdr:nvSpPr>
      <xdr:spPr>
        <a:xfrm>
          <a:off x="9588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17929</xdr:rowOff>
    </xdr:from>
    <xdr:to>
      <xdr:col>46</xdr:col>
      <xdr:colOff>38100</xdr:colOff>
      <xdr:row>83</xdr:row>
      <xdr:rowOff>48079</xdr:rowOff>
    </xdr:to>
    <xdr:sp macro="" textlink="">
      <xdr:nvSpPr>
        <xdr:cNvPr id="330" name="フローチャート: 判断 329"/>
        <xdr:cNvSpPr/>
      </xdr:nvSpPr>
      <xdr:spPr>
        <a:xfrm>
          <a:off x="8699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17929</xdr:rowOff>
    </xdr:from>
    <xdr:to>
      <xdr:col>41</xdr:col>
      <xdr:colOff>101600</xdr:colOff>
      <xdr:row>83</xdr:row>
      <xdr:rowOff>48079</xdr:rowOff>
    </xdr:to>
    <xdr:sp macro="" textlink="">
      <xdr:nvSpPr>
        <xdr:cNvPr id="331" name="フローチャート: 判断 330"/>
        <xdr:cNvSpPr/>
      </xdr:nvSpPr>
      <xdr:spPr>
        <a:xfrm>
          <a:off x="7810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2" name="テキスト ボックス 331"/>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3" name="テキスト ボックス 332"/>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4" name="テキスト ボックス 333"/>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5" name="テキスト ボックス 334"/>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6" name="テキスト ボックス 335"/>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0779</xdr:rowOff>
    </xdr:from>
    <xdr:to>
      <xdr:col>55</xdr:col>
      <xdr:colOff>50800</xdr:colOff>
      <xdr:row>83</xdr:row>
      <xdr:rowOff>162379</xdr:rowOff>
    </xdr:to>
    <xdr:sp macro="" textlink="">
      <xdr:nvSpPr>
        <xdr:cNvPr id="337" name="楕円 336"/>
        <xdr:cNvSpPr/>
      </xdr:nvSpPr>
      <xdr:spPr>
        <a:xfrm>
          <a:off x="10426700" y="14291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39206</xdr:rowOff>
    </xdr:from>
    <xdr:ext cx="469744" cy="259045"/>
    <xdr:sp macro="" textlink="">
      <xdr:nvSpPr>
        <xdr:cNvPr id="338" name="【福祉施設】&#10;一人当たり面積該当値テキスト"/>
        <xdr:cNvSpPr txBox="1"/>
      </xdr:nvSpPr>
      <xdr:spPr>
        <a:xfrm>
          <a:off x="10515600" y="1426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44450</xdr:rowOff>
    </xdr:from>
    <xdr:to>
      <xdr:col>50</xdr:col>
      <xdr:colOff>165100</xdr:colOff>
      <xdr:row>83</xdr:row>
      <xdr:rowOff>146050</xdr:rowOff>
    </xdr:to>
    <xdr:sp macro="" textlink="">
      <xdr:nvSpPr>
        <xdr:cNvPr id="339" name="楕円 338"/>
        <xdr:cNvSpPr/>
      </xdr:nvSpPr>
      <xdr:spPr>
        <a:xfrm>
          <a:off x="9588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95250</xdr:rowOff>
    </xdr:from>
    <xdr:to>
      <xdr:col>55</xdr:col>
      <xdr:colOff>0</xdr:colOff>
      <xdr:row>83</xdr:row>
      <xdr:rowOff>111579</xdr:rowOff>
    </xdr:to>
    <xdr:cxnSp macro="">
      <xdr:nvCxnSpPr>
        <xdr:cNvPr id="340" name="直線コネクタ 339"/>
        <xdr:cNvCxnSpPr/>
      </xdr:nvCxnSpPr>
      <xdr:spPr>
        <a:xfrm>
          <a:off x="9639300" y="14325600"/>
          <a:ext cx="8382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44450</xdr:rowOff>
    </xdr:from>
    <xdr:to>
      <xdr:col>46</xdr:col>
      <xdr:colOff>38100</xdr:colOff>
      <xdr:row>83</xdr:row>
      <xdr:rowOff>146050</xdr:rowOff>
    </xdr:to>
    <xdr:sp macro="" textlink="">
      <xdr:nvSpPr>
        <xdr:cNvPr id="341" name="楕円 340"/>
        <xdr:cNvSpPr/>
      </xdr:nvSpPr>
      <xdr:spPr>
        <a:xfrm>
          <a:off x="8699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95250</xdr:rowOff>
    </xdr:from>
    <xdr:to>
      <xdr:col>50</xdr:col>
      <xdr:colOff>114300</xdr:colOff>
      <xdr:row>83</xdr:row>
      <xdr:rowOff>95250</xdr:rowOff>
    </xdr:to>
    <xdr:cxnSp macro="">
      <xdr:nvCxnSpPr>
        <xdr:cNvPr id="342" name="直線コネクタ 341"/>
        <xdr:cNvCxnSpPr/>
      </xdr:nvCxnSpPr>
      <xdr:spPr>
        <a:xfrm>
          <a:off x="8750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117929</xdr:rowOff>
    </xdr:from>
    <xdr:to>
      <xdr:col>41</xdr:col>
      <xdr:colOff>101600</xdr:colOff>
      <xdr:row>83</xdr:row>
      <xdr:rowOff>48079</xdr:rowOff>
    </xdr:to>
    <xdr:sp macro="" textlink="">
      <xdr:nvSpPr>
        <xdr:cNvPr id="343" name="楕円 342"/>
        <xdr:cNvSpPr/>
      </xdr:nvSpPr>
      <xdr:spPr>
        <a:xfrm>
          <a:off x="7810500" y="14176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168729</xdr:rowOff>
    </xdr:from>
    <xdr:to>
      <xdr:col>45</xdr:col>
      <xdr:colOff>177800</xdr:colOff>
      <xdr:row>83</xdr:row>
      <xdr:rowOff>95250</xdr:rowOff>
    </xdr:to>
    <xdr:cxnSp macro="">
      <xdr:nvCxnSpPr>
        <xdr:cNvPr id="344" name="直線コネクタ 343"/>
        <xdr:cNvCxnSpPr/>
      </xdr:nvCxnSpPr>
      <xdr:spPr>
        <a:xfrm>
          <a:off x="7861300" y="14227629"/>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31948</xdr:rowOff>
    </xdr:from>
    <xdr:ext cx="469744" cy="259045"/>
    <xdr:sp macro="" textlink="">
      <xdr:nvSpPr>
        <xdr:cNvPr id="345" name="n_1aveValue【福祉施設】&#10;一人当たり面積"/>
        <xdr:cNvSpPr txBox="1"/>
      </xdr:nvSpPr>
      <xdr:spPr>
        <a:xfrm>
          <a:off x="93917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64606</xdr:rowOff>
    </xdr:from>
    <xdr:ext cx="469744" cy="259045"/>
    <xdr:sp macro="" textlink="">
      <xdr:nvSpPr>
        <xdr:cNvPr id="346" name="n_2aveValue【福祉施設】&#10;一人当たり面積"/>
        <xdr:cNvSpPr txBox="1"/>
      </xdr:nvSpPr>
      <xdr:spPr>
        <a:xfrm>
          <a:off x="8515427" y="1395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39206</xdr:rowOff>
    </xdr:from>
    <xdr:ext cx="469744" cy="259045"/>
    <xdr:sp macro="" textlink="">
      <xdr:nvSpPr>
        <xdr:cNvPr id="347" name="n_3aveValue【福祉施設】&#10;一人当たり面積"/>
        <xdr:cNvSpPr txBox="1"/>
      </xdr:nvSpPr>
      <xdr:spPr>
        <a:xfrm>
          <a:off x="7626427" y="1426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37177</xdr:rowOff>
    </xdr:from>
    <xdr:ext cx="469744" cy="259045"/>
    <xdr:sp macro="" textlink="">
      <xdr:nvSpPr>
        <xdr:cNvPr id="348" name="n_1mainValue【福祉施設】&#10;一人当たり面積"/>
        <xdr:cNvSpPr txBox="1"/>
      </xdr:nvSpPr>
      <xdr:spPr>
        <a:xfrm>
          <a:off x="93917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7177</xdr:rowOff>
    </xdr:from>
    <xdr:ext cx="469744" cy="259045"/>
    <xdr:sp macro="" textlink="">
      <xdr:nvSpPr>
        <xdr:cNvPr id="349" name="n_2mainValue【福祉施設】&#10;一人当たり面積"/>
        <xdr:cNvSpPr txBox="1"/>
      </xdr:nvSpPr>
      <xdr:spPr>
        <a:xfrm>
          <a:off x="8515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64606</xdr:rowOff>
    </xdr:from>
    <xdr:ext cx="469744" cy="259045"/>
    <xdr:sp macro="" textlink="">
      <xdr:nvSpPr>
        <xdr:cNvPr id="350" name="n_3mainValue【福祉施設】&#10;一人当たり面積"/>
        <xdr:cNvSpPr txBox="1"/>
      </xdr:nvSpPr>
      <xdr:spPr>
        <a:xfrm>
          <a:off x="7626427" y="1395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1" name="正方形/長方形 35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2" name="正方形/長方形 35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53" name="正方形/長方形 35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4" name="正方形/長方形 35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5" name="正方形/長方形 35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6" name="正方形/長方形 35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7" name="正方形/長方形 35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8" name="正方形/長方形 357"/>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9" name="テキスト ボックス 358"/>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60" name="直線コネクタ 359"/>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361" name="テキスト ボックス 360"/>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62" name="直線コネクタ 361"/>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63" name="テキスト ボックス 362"/>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64" name="直線コネクタ 363"/>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65" name="テキスト ボックス 364"/>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66" name="直線コネクタ 365"/>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67" name="テキスト ボックス 366"/>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68" name="直線コネクタ 367"/>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69" name="テキスト ボックス 368"/>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70" name="直線コネクタ 369"/>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71" name="テキスト ボックス 370"/>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72" name="直線コネクタ 37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73" name="テキスト ボックス 372"/>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74"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7</xdr:row>
      <xdr:rowOff>45720</xdr:rowOff>
    </xdr:to>
    <xdr:cxnSp macro="">
      <xdr:nvCxnSpPr>
        <xdr:cNvPr id="375" name="直線コネクタ 374"/>
        <xdr:cNvCxnSpPr/>
      </xdr:nvCxnSpPr>
      <xdr:spPr>
        <a:xfrm flipV="1">
          <a:off x="4634865" y="17145000"/>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49547</xdr:rowOff>
    </xdr:from>
    <xdr:ext cx="405111" cy="259045"/>
    <xdr:sp macro="" textlink="">
      <xdr:nvSpPr>
        <xdr:cNvPr id="376" name="【市民会館】&#10;有形固定資産減価償却率最小値テキスト"/>
        <xdr:cNvSpPr txBox="1"/>
      </xdr:nvSpPr>
      <xdr:spPr>
        <a:xfrm>
          <a:off x="4673600" y="18394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45720</xdr:rowOff>
    </xdr:from>
    <xdr:to>
      <xdr:col>24</xdr:col>
      <xdr:colOff>152400</xdr:colOff>
      <xdr:row>107</xdr:row>
      <xdr:rowOff>45720</xdr:rowOff>
    </xdr:to>
    <xdr:cxnSp macro="">
      <xdr:nvCxnSpPr>
        <xdr:cNvPr id="377" name="直線コネクタ 376"/>
        <xdr:cNvCxnSpPr/>
      </xdr:nvCxnSpPr>
      <xdr:spPr>
        <a:xfrm>
          <a:off x="4546600" y="18390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469744" cy="259045"/>
    <xdr:sp macro="" textlink="">
      <xdr:nvSpPr>
        <xdr:cNvPr id="378" name="【市民会館】&#10;有形固定資産減価償却率最大値テキスト"/>
        <xdr:cNvSpPr txBox="1"/>
      </xdr:nvSpPr>
      <xdr:spPr>
        <a:xfrm>
          <a:off x="4673600" y="1692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379" name="直線コネクタ 378"/>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63516</xdr:rowOff>
    </xdr:from>
    <xdr:ext cx="405111" cy="259045"/>
    <xdr:sp macro="" textlink="">
      <xdr:nvSpPr>
        <xdr:cNvPr id="380" name="【市民会館】&#10;有形固定資産減価償却率平均値テキスト"/>
        <xdr:cNvSpPr txBox="1"/>
      </xdr:nvSpPr>
      <xdr:spPr>
        <a:xfrm>
          <a:off x="4673600" y="178943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40639</xdr:rowOff>
    </xdr:from>
    <xdr:to>
      <xdr:col>24</xdr:col>
      <xdr:colOff>114300</xdr:colOff>
      <xdr:row>105</xdr:row>
      <xdr:rowOff>142239</xdr:rowOff>
    </xdr:to>
    <xdr:sp macro="" textlink="">
      <xdr:nvSpPr>
        <xdr:cNvPr id="381" name="フローチャート: 判断 380"/>
        <xdr:cNvSpPr/>
      </xdr:nvSpPr>
      <xdr:spPr>
        <a:xfrm>
          <a:off x="4584700" y="18042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31114</xdr:rowOff>
    </xdr:from>
    <xdr:to>
      <xdr:col>20</xdr:col>
      <xdr:colOff>38100</xdr:colOff>
      <xdr:row>105</xdr:row>
      <xdr:rowOff>132714</xdr:rowOff>
    </xdr:to>
    <xdr:sp macro="" textlink="">
      <xdr:nvSpPr>
        <xdr:cNvPr id="382" name="フローチャート: 判断 381"/>
        <xdr:cNvSpPr/>
      </xdr:nvSpPr>
      <xdr:spPr>
        <a:xfrm>
          <a:off x="3746500" y="18033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53975</xdr:rowOff>
    </xdr:from>
    <xdr:to>
      <xdr:col>15</xdr:col>
      <xdr:colOff>101600</xdr:colOff>
      <xdr:row>105</xdr:row>
      <xdr:rowOff>155575</xdr:rowOff>
    </xdr:to>
    <xdr:sp macro="" textlink="">
      <xdr:nvSpPr>
        <xdr:cNvPr id="383" name="フローチャート: 判断 382"/>
        <xdr:cNvSpPr/>
      </xdr:nvSpPr>
      <xdr:spPr>
        <a:xfrm>
          <a:off x="2857500" y="1805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4445</xdr:rowOff>
    </xdr:from>
    <xdr:to>
      <xdr:col>10</xdr:col>
      <xdr:colOff>165100</xdr:colOff>
      <xdr:row>105</xdr:row>
      <xdr:rowOff>106045</xdr:rowOff>
    </xdr:to>
    <xdr:sp macro="" textlink="">
      <xdr:nvSpPr>
        <xdr:cNvPr id="384" name="フローチャート: 判断 383"/>
        <xdr:cNvSpPr/>
      </xdr:nvSpPr>
      <xdr:spPr>
        <a:xfrm>
          <a:off x="1968500" y="1800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85" name="テキスト ボックス 38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6" name="テキスト ボックス 38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7" name="テキスト ボックス 38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8" name="テキスト ボックス 38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9" name="テキスト ボックス 38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0161</xdr:rowOff>
    </xdr:from>
    <xdr:to>
      <xdr:col>24</xdr:col>
      <xdr:colOff>114300</xdr:colOff>
      <xdr:row>106</xdr:row>
      <xdr:rowOff>111761</xdr:rowOff>
    </xdr:to>
    <xdr:sp macro="" textlink="">
      <xdr:nvSpPr>
        <xdr:cNvPr id="390" name="楕円 389"/>
        <xdr:cNvSpPr/>
      </xdr:nvSpPr>
      <xdr:spPr>
        <a:xfrm>
          <a:off x="4584700" y="18183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160038</xdr:rowOff>
    </xdr:from>
    <xdr:ext cx="405111" cy="259045"/>
    <xdr:sp macro="" textlink="">
      <xdr:nvSpPr>
        <xdr:cNvPr id="391" name="【市民会館】&#10;有形固定資産減価償却率該当値テキスト"/>
        <xdr:cNvSpPr txBox="1"/>
      </xdr:nvSpPr>
      <xdr:spPr>
        <a:xfrm>
          <a:off x="4673600" y="18162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65405</xdr:rowOff>
    </xdr:from>
    <xdr:to>
      <xdr:col>20</xdr:col>
      <xdr:colOff>38100</xdr:colOff>
      <xdr:row>106</xdr:row>
      <xdr:rowOff>167005</xdr:rowOff>
    </xdr:to>
    <xdr:sp macro="" textlink="">
      <xdr:nvSpPr>
        <xdr:cNvPr id="392" name="楕円 391"/>
        <xdr:cNvSpPr/>
      </xdr:nvSpPr>
      <xdr:spPr>
        <a:xfrm>
          <a:off x="3746500" y="1823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60961</xdr:rowOff>
    </xdr:from>
    <xdr:to>
      <xdr:col>24</xdr:col>
      <xdr:colOff>63500</xdr:colOff>
      <xdr:row>106</xdr:row>
      <xdr:rowOff>116205</xdr:rowOff>
    </xdr:to>
    <xdr:cxnSp macro="">
      <xdr:nvCxnSpPr>
        <xdr:cNvPr id="393" name="直線コネクタ 392"/>
        <xdr:cNvCxnSpPr/>
      </xdr:nvCxnSpPr>
      <xdr:spPr>
        <a:xfrm flipV="1">
          <a:off x="3797300" y="18234661"/>
          <a:ext cx="838200" cy="5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55880</xdr:rowOff>
    </xdr:from>
    <xdr:to>
      <xdr:col>15</xdr:col>
      <xdr:colOff>101600</xdr:colOff>
      <xdr:row>105</xdr:row>
      <xdr:rowOff>157480</xdr:rowOff>
    </xdr:to>
    <xdr:sp macro="" textlink="">
      <xdr:nvSpPr>
        <xdr:cNvPr id="394" name="楕円 393"/>
        <xdr:cNvSpPr/>
      </xdr:nvSpPr>
      <xdr:spPr>
        <a:xfrm>
          <a:off x="2857500" y="18058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106680</xdr:rowOff>
    </xdr:from>
    <xdr:to>
      <xdr:col>19</xdr:col>
      <xdr:colOff>177800</xdr:colOff>
      <xdr:row>106</xdr:row>
      <xdr:rowOff>116205</xdr:rowOff>
    </xdr:to>
    <xdr:cxnSp macro="">
      <xdr:nvCxnSpPr>
        <xdr:cNvPr id="395" name="直線コネクタ 394"/>
        <xdr:cNvCxnSpPr/>
      </xdr:nvCxnSpPr>
      <xdr:spPr>
        <a:xfrm>
          <a:off x="2908300" y="18108930"/>
          <a:ext cx="889000" cy="180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49225</xdr:rowOff>
    </xdr:from>
    <xdr:to>
      <xdr:col>10</xdr:col>
      <xdr:colOff>165100</xdr:colOff>
      <xdr:row>106</xdr:row>
      <xdr:rowOff>79375</xdr:rowOff>
    </xdr:to>
    <xdr:sp macro="" textlink="">
      <xdr:nvSpPr>
        <xdr:cNvPr id="396" name="楕円 395"/>
        <xdr:cNvSpPr/>
      </xdr:nvSpPr>
      <xdr:spPr>
        <a:xfrm>
          <a:off x="1968500" y="18151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106680</xdr:rowOff>
    </xdr:from>
    <xdr:to>
      <xdr:col>15</xdr:col>
      <xdr:colOff>50800</xdr:colOff>
      <xdr:row>106</xdr:row>
      <xdr:rowOff>28575</xdr:rowOff>
    </xdr:to>
    <xdr:cxnSp macro="">
      <xdr:nvCxnSpPr>
        <xdr:cNvPr id="397" name="直線コネクタ 396"/>
        <xdr:cNvCxnSpPr/>
      </xdr:nvCxnSpPr>
      <xdr:spPr>
        <a:xfrm flipV="1">
          <a:off x="2019300" y="18108930"/>
          <a:ext cx="889000" cy="93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49241</xdr:rowOff>
    </xdr:from>
    <xdr:ext cx="405111" cy="259045"/>
    <xdr:sp macro="" textlink="">
      <xdr:nvSpPr>
        <xdr:cNvPr id="398" name="n_1aveValue【市民会館】&#10;有形固定資産減価償却率"/>
        <xdr:cNvSpPr txBox="1"/>
      </xdr:nvSpPr>
      <xdr:spPr>
        <a:xfrm>
          <a:off x="3582044" y="17808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652</xdr:rowOff>
    </xdr:from>
    <xdr:ext cx="405111" cy="259045"/>
    <xdr:sp macro="" textlink="">
      <xdr:nvSpPr>
        <xdr:cNvPr id="399" name="n_2aveValue【市民会館】&#10;有形固定資産減価償却率"/>
        <xdr:cNvSpPr txBox="1"/>
      </xdr:nvSpPr>
      <xdr:spPr>
        <a:xfrm>
          <a:off x="2705744" y="17831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22572</xdr:rowOff>
    </xdr:from>
    <xdr:ext cx="405111" cy="259045"/>
    <xdr:sp macro="" textlink="">
      <xdr:nvSpPr>
        <xdr:cNvPr id="400" name="n_3aveValue【市民会館】&#10;有形固定資産減価償却率"/>
        <xdr:cNvSpPr txBox="1"/>
      </xdr:nvSpPr>
      <xdr:spPr>
        <a:xfrm>
          <a:off x="1816744" y="1778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158132</xdr:rowOff>
    </xdr:from>
    <xdr:ext cx="405111" cy="259045"/>
    <xdr:sp macro="" textlink="">
      <xdr:nvSpPr>
        <xdr:cNvPr id="401" name="n_1mainValue【市民会館】&#10;有形固定資産減価償却率"/>
        <xdr:cNvSpPr txBox="1"/>
      </xdr:nvSpPr>
      <xdr:spPr>
        <a:xfrm>
          <a:off x="3582044" y="18331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48607</xdr:rowOff>
    </xdr:from>
    <xdr:ext cx="405111" cy="259045"/>
    <xdr:sp macro="" textlink="">
      <xdr:nvSpPr>
        <xdr:cNvPr id="402" name="n_2mainValue【市民会館】&#10;有形固定資産減価償却率"/>
        <xdr:cNvSpPr txBox="1"/>
      </xdr:nvSpPr>
      <xdr:spPr>
        <a:xfrm>
          <a:off x="2705744" y="18150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70502</xdr:rowOff>
    </xdr:from>
    <xdr:ext cx="405111" cy="259045"/>
    <xdr:sp macro="" textlink="">
      <xdr:nvSpPr>
        <xdr:cNvPr id="403" name="n_3mainValue【市民会館】&#10;有形固定資産減価償却率"/>
        <xdr:cNvSpPr txBox="1"/>
      </xdr:nvSpPr>
      <xdr:spPr>
        <a:xfrm>
          <a:off x="1816744" y="18244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04" name="正方形/長方形 40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05" name="正方形/長方形 40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06" name="正方形/長方形 40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07" name="正方形/長方形 40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8" name="正方形/長方形 40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9" name="正方形/長方形 40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10" name="正方形/長方形 40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11" name="正方形/長方形 410"/>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12" name="テキスト ボックス 411"/>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13" name="直線コネクタ 412"/>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7</xdr:row>
      <xdr:rowOff>133350</xdr:rowOff>
    </xdr:from>
    <xdr:to>
      <xdr:col>59</xdr:col>
      <xdr:colOff>50800</xdr:colOff>
      <xdr:row>107</xdr:row>
      <xdr:rowOff>133350</xdr:rowOff>
    </xdr:to>
    <xdr:cxnSp macro="">
      <xdr:nvCxnSpPr>
        <xdr:cNvPr id="414" name="直線コネクタ 413"/>
        <xdr:cNvCxnSpPr/>
      </xdr:nvCxnSpPr>
      <xdr:spPr>
        <a:xfrm>
          <a:off x="6604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162577</xdr:rowOff>
    </xdr:from>
    <xdr:ext cx="467179" cy="259045"/>
    <xdr:sp macro="" textlink="">
      <xdr:nvSpPr>
        <xdr:cNvPr id="415" name="テキスト ボックス 414"/>
        <xdr:cNvSpPr txBox="1"/>
      </xdr:nvSpPr>
      <xdr:spPr>
        <a:xfrm>
          <a:off x="6136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16" name="直線コネクタ 415"/>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17" name="テキスト ボックス 416"/>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9050</xdr:rowOff>
    </xdr:from>
    <xdr:to>
      <xdr:col>59</xdr:col>
      <xdr:colOff>50800</xdr:colOff>
      <xdr:row>101</xdr:row>
      <xdr:rowOff>19050</xdr:rowOff>
    </xdr:to>
    <xdr:cxnSp macro="">
      <xdr:nvCxnSpPr>
        <xdr:cNvPr id="418" name="直線コネクタ 417"/>
        <xdr:cNvCxnSpPr/>
      </xdr:nvCxnSpPr>
      <xdr:spPr>
        <a:xfrm>
          <a:off x="6604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48277</xdr:rowOff>
    </xdr:from>
    <xdr:ext cx="467179" cy="259045"/>
    <xdr:sp macro="" textlink="">
      <xdr:nvSpPr>
        <xdr:cNvPr id="419" name="テキスト ボックス 418"/>
        <xdr:cNvSpPr txBox="1"/>
      </xdr:nvSpPr>
      <xdr:spPr>
        <a:xfrm>
          <a:off x="6136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20" name="直線コネクタ 419"/>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21" name="テキスト ボックス 420"/>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22"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9055</xdr:rowOff>
    </xdr:from>
    <xdr:to>
      <xdr:col>54</xdr:col>
      <xdr:colOff>189865</xdr:colOff>
      <xdr:row>107</xdr:row>
      <xdr:rowOff>99061</xdr:rowOff>
    </xdr:to>
    <xdr:cxnSp macro="">
      <xdr:nvCxnSpPr>
        <xdr:cNvPr id="423" name="直線コネクタ 422"/>
        <xdr:cNvCxnSpPr/>
      </xdr:nvCxnSpPr>
      <xdr:spPr>
        <a:xfrm flipV="1">
          <a:off x="10476865" y="17204055"/>
          <a:ext cx="0" cy="12401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02888</xdr:rowOff>
    </xdr:from>
    <xdr:ext cx="469744" cy="259045"/>
    <xdr:sp macro="" textlink="">
      <xdr:nvSpPr>
        <xdr:cNvPr id="424" name="【市民会館】&#10;一人当たり面積最小値テキスト"/>
        <xdr:cNvSpPr txBox="1"/>
      </xdr:nvSpPr>
      <xdr:spPr>
        <a:xfrm>
          <a:off x="10515600" y="18448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99061</xdr:rowOff>
    </xdr:from>
    <xdr:to>
      <xdr:col>55</xdr:col>
      <xdr:colOff>88900</xdr:colOff>
      <xdr:row>107</xdr:row>
      <xdr:rowOff>99061</xdr:rowOff>
    </xdr:to>
    <xdr:cxnSp macro="">
      <xdr:nvCxnSpPr>
        <xdr:cNvPr id="425" name="直線コネクタ 424"/>
        <xdr:cNvCxnSpPr/>
      </xdr:nvCxnSpPr>
      <xdr:spPr>
        <a:xfrm>
          <a:off x="10388600" y="1844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5732</xdr:rowOff>
    </xdr:from>
    <xdr:ext cx="469744" cy="259045"/>
    <xdr:sp macro="" textlink="">
      <xdr:nvSpPr>
        <xdr:cNvPr id="426" name="【市民会館】&#10;一人当たり面積最大値テキスト"/>
        <xdr:cNvSpPr txBox="1"/>
      </xdr:nvSpPr>
      <xdr:spPr>
        <a:xfrm>
          <a:off x="10515600" y="16979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9055</xdr:rowOff>
    </xdr:from>
    <xdr:to>
      <xdr:col>55</xdr:col>
      <xdr:colOff>88900</xdr:colOff>
      <xdr:row>100</xdr:row>
      <xdr:rowOff>59055</xdr:rowOff>
    </xdr:to>
    <xdr:cxnSp macro="">
      <xdr:nvCxnSpPr>
        <xdr:cNvPr id="427" name="直線コネクタ 426"/>
        <xdr:cNvCxnSpPr/>
      </xdr:nvCxnSpPr>
      <xdr:spPr>
        <a:xfrm>
          <a:off x="10388600" y="17204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31132</xdr:rowOff>
    </xdr:from>
    <xdr:ext cx="469744" cy="259045"/>
    <xdr:sp macro="" textlink="">
      <xdr:nvSpPr>
        <xdr:cNvPr id="428" name="【市民会館】&#10;一人当たり面積平均値テキスト"/>
        <xdr:cNvSpPr txBox="1"/>
      </xdr:nvSpPr>
      <xdr:spPr>
        <a:xfrm>
          <a:off x="10515600" y="178619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8255</xdr:rowOff>
    </xdr:from>
    <xdr:to>
      <xdr:col>55</xdr:col>
      <xdr:colOff>50800</xdr:colOff>
      <xdr:row>105</xdr:row>
      <xdr:rowOff>109855</xdr:rowOff>
    </xdr:to>
    <xdr:sp macro="" textlink="">
      <xdr:nvSpPr>
        <xdr:cNvPr id="429" name="フローチャート: 判断 428"/>
        <xdr:cNvSpPr/>
      </xdr:nvSpPr>
      <xdr:spPr>
        <a:xfrm>
          <a:off x="10426700" y="1801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9686</xdr:rowOff>
    </xdr:from>
    <xdr:to>
      <xdr:col>50</xdr:col>
      <xdr:colOff>165100</xdr:colOff>
      <xdr:row>105</xdr:row>
      <xdr:rowOff>121286</xdr:rowOff>
    </xdr:to>
    <xdr:sp macro="" textlink="">
      <xdr:nvSpPr>
        <xdr:cNvPr id="430" name="フローチャート: 判断 429"/>
        <xdr:cNvSpPr/>
      </xdr:nvSpPr>
      <xdr:spPr>
        <a:xfrm>
          <a:off x="9588500" y="18021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168275</xdr:rowOff>
    </xdr:from>
    <xdr:to>
      <xdr:col>46</xdr:col>
      <xdr:colOff>38100</xdr:colOff>
      <xdr:row>105</xdr:row>
      <xdr:rowOff>98425</xdr:rowOff>
    </xdr:to>
    <xdr:sp macro="" textlink="">
      <xdr:nvSpPr>
        <xdr:cNvPr id="431" name="フローチャート: 判断 430"/>
        <xdr:cNvSpPr/>
      </xdr:nvSpPr>
      <xdr:spPr>
        <a:xfrm>
          <a:off x="8699500" y="1799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36830</xdr:rowOff>
    </xdr:from>
    <xdr:to>
      <xdr:col>41</xdr:col>
      <xdr:colOff>101600</xdr:colOff>
      <xdr:row>105</xdr:row>
      <xdr:rowOff>138430</xdr:rowOff>
    </xdr:to>
    <xdr:sp macro="" textlink="">
      <xdr:nvSpPr>
        <xdr:cNvPr id="432" name="フローチャート: 判断 431"/>
        <xdr:cNvSpPr/>
      </xdr:nvSpPr>
      <xdr:spPr>
        <a:xfrm>
          <a:off x="7810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33" name="テキスト ボックス 43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4" name="テキスト ボックス 43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5" name="テキスト ボックス 43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6" name="テキスト ボックス 43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7" name="テキスト ボックス 43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93980</xdr:rowOff>
    </xdr:from>
    <xdr:to>
      <xdr:col>55</xdr:col>
      <xdr:colOff>50800</xdr:colOff>
      <xdr:row>106</xdr:row>
      <xdr:rowOff>24130</xdr:rowOff>
    </xdr:to>
    <xdr:sp macro="" textlink="">
      <xdr:nvSpPr>
        <xdr:cNvPr id="438" name="楕円 437"/>
        <xdr:cNvSpPr/>
      </xdr:nvSpPr>
      <xdr:spPr>
        <a:xfrm>
          <a:off x="10426700" y="1809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72407</xdr:rowOff>
    </xdr:from>
    <xdr:ext cx="469744" cy="259045"/>
    <xdr:sp macro="" textlink="">
      <xdr:nvSpPr>
        <xdr:cNvPr id="439" name="【市民会館】&#10;一人当たり面積該当値テキスト"/>
        <xdr:cNvSpPr txBox="1"/>
      </xdr:nvSpPr>
      <xdr:spPr>
        <a:xfrm>
          <a:off x="10515600" y="18074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88264</xdr:rowOff>
    </xdr:from>
    <xdr:to>
      <xdr:col>50</xdr:col>
      <xdr:colOff>165100</xdr:colOff>
      <xdr:row>106</xdr:row>
      <xdr:rowOff>18414</xdr:rowOff>
    </xdr:to>
    <xdr:sp macro="" textlink="">
      <xdr:nvSpPr>
        <xdr:cNvPr id="440" name="楕円 439"/>
        <xdr:cNvSpPr/>
      </xdr:nvSpPr>
      <xdr:spPr>
        <a:xfrm>
          <a:off x="9588500" y="18090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139064</xdr:rowOff>
    </xdr:from>
    <xdr:to>
      <xdr:col>55</xdr:col>
      <xdr:colOff>0</xdr:colOff>
      <xdr:row>105</xdr:row>
      <xdr:rowOff>144780</xdr:rowOff>
    </xdr:to>
    <xdr:cxnSp macro="">
      <xdr:nvCxnSpPr>
        <xdr:cNvPr id="441" name="直線コネクタ 440"/>
        <xdr:cNvCxnSpPr/>
      </xdr:nvCxnSpPr>
      <xdr:spPr>
        <a:xfrm>
          <a:off x="9639300" y="18141314"/>
          <a:ext cx="8382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162561</xdr:rowOff>
    </xdr:from>
    <xdr:to>
      <xdr:col>46</xdr:col>
      <xdr:colOff>38100</xdr:colOff>
      <xdr:row>106</xdr:row>
      <xdr:rowOff>92711</xdr:rowOff>
    </xdr:to>
    <xdr:sp macro="" textlink="">
      <xdr:nvSpPr>
        <xdr:cNvPr id="442" name="楕円 441"/>
        <xdr:cNvSpPr/>
      </xdr:nvSpPr>
      <xdr:spPr>
        <a:xfrm>
          <a:off x="8699500" y="18164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139064</xdr:rowOff>
    </xdr:from>
    <xdr:to>
      <xdr:col>50</xdr:col>
      <xdr:colOff>114300</xdr:colOff>
      <xdr:row>106</xdr:row>
      <xdr:rowOff>41911</xdr:rowOff>
    </xdr:to>
    <xdr:cxnSp macro="">
      <xdr:nvCxnSpPr>
        <xdr:cNvPr id="443" name="直線コネクタ 442"/>
        <xdr:cNvCxnSpPr/>
      </xdr:nvCxnSpPr>
      <xdr:spPr>
        <a:xfrm flipV="1">
          <a:off x="8750300" y="18141314"/>
          <a:ext cx="889000" cy="74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62561</xdr:rowOff>
    </xdr:from>
    <xdr:to>
      <xdr:col>41</xdr:col>
      <xdr:colOff>101600</xdr:colOff>
      <xdr:row>106</xdr:row>
      <xdr:rowOff>92711</xdr:rowOff>
    </xdr:to>
    <xdr:sp macro="" textlink="">
      <xdr:nvSpPr>
        <xdr:cNvPr id="444" name="楕円 443"/>
        <xdr:cNvSpPr/>
      </xdr:nvSpPr>
      <xdr:spPr>
        <a:xfrm>
          <a:off x="7810500" y="18164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41911</xdr:rowOff>
    </xdr:from>
    <xdr:to>
      <xdr:col>45</xdr:col>
      <xdr:colOff>177800</xdr:colOff>
      <xdr:row>106</xdr:row>
      <xdr:rowOff>41911</xdr:rowOff>
    </xdr:to>
    <xdr:cxnSp macro="">
      <xdr:nvCxnSpPr>
        <xdr:cNvPr id="445" name="直線コネクタ 444"/>
        <xdr:cNvCxnSpPr/>
      </xdr:nvCxnSpPr>
      <xdr:spPr>
        <a:xfrm>
          <a:off x="7861300" y="182156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37813</xdr:rowOff>
    </xdr:from>
    <xdr:ext cx="469744" cy="259045"/>
    <xdr:sp macro="" textlink="">
      <xdr:nvSpPr>
        <xdr:cNvPr id="446" name="n_1aveValue【市民会館】&#10;一人当たり面積"/>
        <xdr:cNvSpPr txBox="1"/>
      </xdr:nvSpPr>
      <xdr:spPr>
        <a:xfrm>
          <a:off x="9391727" y="17797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14952</xdr:rowOff>
    </xdr:from>
    <xdr:ext cx="469744" cy="259045"/>
    <xdr:sp macro="" textlink="">
      <xdr:nvSpPr>
        <xdr:cNvPr id="447" name="n_2aveValue【市民会館】&#10;一人当たり面積"/>
        <xdr:cNvSpPr txBox="1"/>
      </xdr:nvSpPr>
      <xdr:spPr>
        <a:xfrm>
          <a:off x="8515427" y="17774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4957</xdr:rowOff>
    </xdr:from>
    <xdr:ext cx="469744" cy="259045"/>
    <xdr:sp macro="" textlink="">
      <xdr:nvSpPr>
        <xdr:cNvPr id="448" name="n_3aveValue【市民会館】&#10;一人当たり面積"/>
        <xdr:cNvSpPr txBox="1"/>
      </xdr:nvSpPr>
      <xdr:spPr>
        <a:xfrm>
          <a:off x="7626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9541</xdr:rowOff>
    </xdr:from>
    <xdr:ext cx="469744" cy="259045"/>
    <xdr:sp macro="" textlink="">
      <xdr:nvSpPr>
        <xdr:cNvPr id="449" name="n_1mainValue【市民会館】&#10;一人当たり面積"/>
        <xdr:cNvSpPr txBox="1"/>
      </xdr:nvSpPr>
      <xdr:spPr>
        <a:xfrm>
          <a:off x="9391727" y="18183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83838</xdr:rowOff>
    </xdr:from>
    <xdr:ext cx="469744" cy="259045"/>
    <xdr:sp macro="" textlink="">
      <xdr:nvSpPr>
        <xdr:cNvPr id="450" name="n_2mainValue【市民会館】&#10;一人当たり面積"/>
        <xdr:cNvSpPr txBox="1"/>
      </xdr:nvSpPr>
      <xdr:spPr>
        <a:xfrm>
          <a:off x="8515427" y="18257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83838</xdr:rowOff>
    </xdr:from>
    <xdr:ext cx="469744" cy="259045"/>
    <xdr:sp macro="" textlink="">
      <xdr:nvSpPr>
        <xdr:cNvPr id="451" name="n_3mainValue【市民会館】&#10;一人当たり面積"/>
        <xdr:cNvSpPr txBox="1"/>
      </xdr:nvSpPr>
      <xdr:spPr>
        <a:xfrm>
          <a:off x="7626427" y="18257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52" name="正方形/長方形 45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53" name="正方形/長方形 45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54" name="正方形/長方形 45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5" name="正方形/長方形 45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6" name="正方形/長方形 45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7" name="正方形/長方形 45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8" name="正方形/長方形 45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9" name="正方形/長方形 45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60" name="テキスト ボックス 45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61" name="直線コネクタ 46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62" name="テキスト ボックス 461"/>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63" name="直線コネクタ 462"/>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64" name="テキスト ボックス 463"/>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65" name="直線コネクタ 464"/>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66" name="テキスト ボックス 465"/>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7" name="直線コネクタ 466"/>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68" name="テキスト ボックス 467"/>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69" name="直線コネクタ 468"/>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70" name="テキスト ボックス 469"/>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71" name="直線コネクタ 470"/>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72" name="テキスト ボックス 471"/>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73" name="直線コネクタ 472"/>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474" name="テキスト ボックス 473"/>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5"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56210</xdr:rowOff>
    </xdr:from>
    <xdr:to>
      <xdr:col>85</xdr:col>
      <xdr:colOff>126364</xdr:colOff>
      <xdr:row>40</xdr:row>
      <xdr:rowOff>156210</xdr:rowOff>
    </xdr:to>
    <xdr:cxnSp macro="">
      <xdr:nvCxnSpPr>
        <xdr:cNvPr id="476" name="直線コネクタ 475"/>
        <xdr:cNvCxnSpPr/>
      </xdr:nvCxnSpPr>
      <xdr:spPr>
        <a:xfrm flipV="1">
          <a:off x="16318864" y="5814060"/>
          <a:ext cx="0" cy="12001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60037</xdr:rowOff>
    </xdr:from>
    <xdr:ext cx="405111" cy="259045"/>
    <xdr:sp macro="" textlink="">
      <xdr:nvSpPr>
        <xdr:cNvPr id="477" name="【一般廃棄物処理施設】&#10;有形固定資産減価償却率最小値テキスト"/>
        <xdr:cNvSpPr txBox="1"/>
      </xdr:nvSpPr>
      <xdr:spPr>
        <a:xfrm>
          <a:off x="16357600" y="7018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56210</xdr:rowOff>
    </xdr:from>
    <xdr:to>
      <xdr:col>86</xdr:col>
      <xdr:colOff>25400</xdr:colOff>
      <xdr:row>40</xdr:row>
      <xdr:rowOff>156210</xdr:rowOff>
    </xdr:to>
    <xdr:cxnSp macro="">
      <xdr:nvCxnSpPr>
        <xdr:cNvPr id="478" name="直線コネクタ 477"/>
        <xdr:cNvCxnSpPr/>
      </xdr:nvCxnSpPr>
      <xdr:spPr>
        <a:xfrm>
          <a:off x="16230600" y="7014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02887</xdr:rowOff>
    </xdr:from>
    <xdr:ext cx="405111" cy="259045"/>
    <xdr:sp macro="" textlink="">
      <xdr:nvSpPr>
        <xdr:cNvPr id="479" name="【一般廃棄物処理施設】&#10;有形固定資産減価償却率最大値テキスト"/>
        <xdr:cNvSpPr txBox="1"/>
      </xdr:nvSpPr>
      <xdr:spPr>
        <a:xfrm>
          <a:off x="16357600" y="5589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56210</xdr:rowOff>
    </xdr:from>
    <xdr:to>
      <xdr:col>86</xdr:col>
      <xdr:colOff>25400</xdr:colOff>
      <xdr:row>33</xdr:row>
      <xdr:rowOff>156210</xdr:rowOff>
    </xdr:to>
    <xdr:cxnSp macro="">
      <xdr:nvCxnSpPr>
        <xdr:cNvPr id="480" name="直線コネクタ 479"/>
        <xdr:cNvCxnSpPr/>
      </xdr:nvCxnSpPr>
      <xdr:spPr>
        <a:xfrm>
          <a:off x="16230600" y="581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18127</xdr:rowOff>
    </xdr:from>
    <xdr:ext cx="405111" cy="259045"/>
    <xdr:sp macro="" textlink="">
      <xdr:nvSpPr>
        <xdr:cNvPr id="481" name="【一般廃棄物処理施設】&#10;有形固定資産減価償却率平均値テキスト"/>
        <xdr:cNvSpPr txBox="1"/>
      </xdr:nvSpPr>
      <xdr:spPr>
        <a:xfrm>
          <a:off x="16357600" y="6118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39700</xdr:rowOff>
    </xdr:from>
    <xdr:to>
      <xdr:col>85</xdr:col>
      <xdr:colOff>177800</xdr:colOff>
      <xdr:row>36</xdr:row>
      <xdr:rowOff>69850</xdr:rowOff>
    </xdr:to>
    <xdr:sp macro="" textlink="">
      <xdr:nvSpPr>
        <xdr:cNvPr id="482" name="フローチャート: 判断 481"/>
        <xdr:cNvSpPr/>
      </xdr:nvSpPr>
      <xdr:spPr>
        <a:xfrm>
          <a:off x="16268700" y="614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86360</xdr:rowOff>
    </xdr:from>
    <xdr:to>
      <xdr:col>81</xdr:col>
      <xdr:colOff>101600</xdr:colOff>
      <xdr:row>37</xdr:row>
      <xdr:rowOff>16510</xdr:rowOff>
    </xdr:to>
    <xdr:sp macro="" textlink="">
      <xdr:nvSpPr>
        <xdr:cNvPr id="483" name="フローチャート: 判断 482"/>
        <xdr:cNvSpPr/>
      </xdr:nvSpPr>
      <xdr:spPr>
        <a:xfrm>
          <a:off x="15430500" y="6258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58750</xdr:rowOff>
    </xdr:from>
    <xdr:to>
      <xdr:col>76</xdr:col>
      <xdr:colOff>165100</xdr:colOff>
      <xdr:row>37</xdr:row>
      <xdr:rowOff>88900</xdr:rowOff>
    </xdr:to>
    <xdr:sp macro="" textlink="">
      <xdr:nvSpPr>
        <xdr:cNvPr id="484" name="フローチャート: 判断 483"/>
        <xdr:cNvSpPr/>
      </xdr:nvSpPr>
      <xdr:spPr>
        <a:xfrm>
          <a:off x="14541500" y="633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970</xdr:rowOff>
    </xdr:from>
    <xdr:to>
      <xdr:col>72</xdr:col>
      <xdr:colOff>38100</xdr:colOff>
      <xdr:row>37</xdr:row>
      <xdr:rowOff>115570</xdr:rowOff>
    </xdr:to>
    <xdr:sp macro="" textlink="">
      <xdr:nvSpPr>
        <xdr:cNvPr id="485" name="フローチャート: 判断 484"/>
        <xdr:cNvSpPr/>
      </xdr:nvSpPr>
      <xdr:spPr>
        <a:xfrm>
          <a:off x="13652500" y="635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6" name="テキスト ボックス 48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7" name="テキスト ボックス 48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8" name="テキスト ボックス 48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9" name="テキスト ボックス 48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90" name="テキスト ボックス 48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97790</xdr:rowOff>
    </xdr:from>
    <xdr:to>
      <xdr:col>85</xdr:col>
      <xdr:colOff>177800</xdr:colOff>
      <xdr:row>35</xdr:row>
      <xdr:rowOff>27940</xdr:rowOff>
    </xdr:to>
    <xdr:sp macro="" textlink="">
      <xdr:nvSpPr>
        <xdr:cNvPr id="491" name="楕円 490"/>
        <xdr:cNvSpPr/>
      </xdr:nvSpPr>
      <xdr:spPr>
        <a:xfrm>
          <a:off x="16268700" y="5927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3</xdr:row>
      <xdr:rowOff>120667</xdr:rowOff>
    </xdr:from>
    <xdr:ext cx="405111" cy="259045"/>
    <xdr:sp macro="" textlink="">
      <xdr:nvSpPr>
        <xdr:cNvPr id="492" name="【一般廃棄物処理施設】&#10;有形固定資産減価償却率該当値テキスト"/>
        <xdr:cNvSpPr txBox="1"/>
      </xdr:nvSpPr>
      <xdr:spPr>
        <a:xfrm>
          <a:off x="16357600" y="5778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0160</xdr:rowOff>
    </xdr:from>
    <xdr:to>
      <xdr:col>81</xdr:col>
      <xdr:colOff>101600</xdr:colOff>
      <xdr:row>35</xdr:row>
      <xdr:rowOff>111760</xdr:rowOff>
    </xdr:to>
    <xdr:sp macro="" textlink="">
      <xdr:nvSpPr>
        <xdr:cNvPr id="493" name="楕円 492"/>
        <xdr:cNvSpPr/>
      </xdr:nvSpPr>
      <xdr:spPr>
        <a:xfrm>
          <a:off x="15430500" y="6010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148590</xdr:rowOff>
    </xdr:from>
    <xdr:to>
      <xdr:col>85</xdr:col>
      <xdr:colOff>127000</xdr:colOff>
      <xdr:row>35</xdr:row>
      <xdr:rowOff>60960</xdr:rowOff>
    </xdr:to>
    <xdr:cxnSp macro="">
      <xdr:nvCxnSpPr>
        <xdr:cNvPr id="494" name="直線コネクタ 493"/>
        <xdr:cNvCxnSpPr/>
      </xdr:nvCxnSpPr>
      <xdr:spPr>
        <a:xfrm flipV="1">
          <a:off x="15481300" y="597789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74930</xdr:rowOff>
    </xdr:from>
    <xdr:to>
      <xdr:col>76</xdr:col>
      <xdr:colOff>165100</xdr:colOff>
      <xdr:row>36</xdr:row>
      <xdr:rowOff>5080</xdr:rowOff>
    </xdr:to>
    <xdr:sp macro="" textlink="">
      <xdr:nvSpPr>
        <xdr:cNvPr id="495" name="楕円 494"/>
        <xdr:cNvSpPr/>
      </xdr:nvSpPr>
      <xdr:spPr>
        <a:xfrm>
          <a:off x="14541500" y="6075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60960</xdr:rowOff>
    </xdr:from>
    <xdr:to>
      <xdr:col>81</xdr:col>
      <xdr:colOff>50800</xdr:colOff>
      <xdr:row>35</xdr:row>
      <xdr:rowOff>125730</xdr:rowOff>
    </xdr:to>
    <xdr:cxnSp macro="">
      <xdr:nvCxnSpPr>
        <xdr:cNvPr id="496" name="直線コネクタ 495"/>
        <xdr:cNvCxnSpPr/>
      </xdr:nvCxnSpPr>
      <xdr:spPr>
        <a:xfrm flipV="1">
          <a:off x="14592300" y="606171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54940</xdr:rowOff>
    </xdr:from>
    <xdr:to>
      <xdr:col>72</xdr:col>
      <xdr:colOff>38100</xdr:colOff>
      <xdr:row>36</xdr:row>
      <xdr:rowOff>85090</xdr:rowOff>
    </xdr:to>
    <xdr:sp macro="" textlink="">
      <xdr:nvSpPr>
        <xdr:cNvPr id="497" name="楕円 496"/>
        <xdr:cNvSpPr/>
      </xdr:nvSpPr>
      <xdr:spPr>
        <a:xfrm>
          <a:off x="13652500" y="6155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125730</xdr:rowOff>
    </xdr:from>
    <xdr:to>
      <xdr:col>76</xdr:col>
      <xdr:colOff>114300</xdr:colOff>
      <xdr:row>36</xdr:row>
      <xdr:rowOff>34290</xdr:rowOff>
    </xdr:to>
    <xdr:cxnSp macro="">
      <xdr:nvCxnSpPr>
        <xdr:cNvPr id="498" name="直線コネクタ 497"/>
        <xdr:cNvCxnSpPr/>
      </xdr:nvCxnSpPr>
      <xdr:spPr>
        <a:xfrm flipV="1">
          <a:off x="13703300" y="612648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637</xdr:rowOff>
    </xdr:from>
    <xdr:ext cx="405111" cy="259045"/>
    <xdr:sp macro="" textlink="">
      <xdr:nvSpPr>
        <xdr:cNvPr id="499" name="n_1aveValue【一般廃棄物処理施設】&#10;有形固定資産減価償却率"/>
        <xdr:cNvSpPr txBox="1"/>
      </xdr:nvSpPr>
      <xdr:spPr>
        <a:xfrm>
          <a:off x="15266044" y="6351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0027</xdr:rowOff>
    </xdr:from>
    <xdr:ext cx="405111" cy="259045"/>
    <xdr:sp macro="" textlink="">
      <xdr:nvSpPr>
        <xdr:cNvPr id="500" name="n_2aveValue【一般廃棄物処理施設】&#10;有形固定資産減価償却率"/>
        <xdr:cNvSpPr txBox="1"/>
      </xdr:nvSpPr>
      <xdr:spPr>
        <a:xfrm>
          <a:off x="14389744" y="6423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06697</xdr:rowOff>
    </xdr:from>
    <xdr:ext cx="405111" cy="259045"/>
    <xdr:sp macro="" textlink="">
      <xdr:nvSpPr>
        <xdr:cNvPr id="501" name="n_3aveValue【一般廃棄物処理施設】&#10;有形固定資産減価償却率"/>
        <xdr:cNvSpPr txBox="1"/>
      </xdr:nvSpPr>
      <xdr:spPr>
        <a:xfrm>
          <a:off x="13500744" y="645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128287</xdr:rowOff>
    </xdr:from>
    <xdr:ext cx="405111" cy="259045"/>
    <xdr:sp macro="" textlink="">
      <xdr:nvSpPr>
        <xdr:cNvPr id="502" name="n_1mainValue【一般廃棄物処理施設】&#10;有形固定資産減価償却率"/>
        <xdr:cNvSpPr txBox="1"/>
      </xdr:nvSpPr>
      <xdr:spPr>
        <a:xfrm>
          <a:off x="15266044" y="578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21607</xdr:rowOff>
    </xdr:from>
    <xdr:ext cx="405111" cy="259045"/>
    <xdr:sp macro="" textlink="">
      <xdr:nvSpPr>
        <xdr:cNvPr id="503" name="n_2mainValue【一般廃棄物処理施設】&#10;有形固定資産減価償却率"/>
        <xdr:cNvSpPr txBox="1"/>
      </xdr:nvSpPr>
      <xdr:spPr>
        <a:xfrm>
          <a:off x="14389744" y="5850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01617</xdr:rowOff>
    </xdr:from>
    <xdr:ext cx="405111" cy="259045"/>
    <xdr:sp macro="" textlink="">
      <xdr:nvSpPr>
        <xdr:cNvPr id="504" name="n_3mainValue【一般廃棄物処理施設】&#10;有形固定資産減価償却率"/>
        <xdr:cNvSpPr txBox="1"/>
      </xdr:nvSpPr>
      <xdr:spPr>
        <a:xfrm>
          <a:off x="13500744" y="5930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05" name="正方形/長方形 50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6" name="正方形/長方形 50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7" name="正方形/長方形 50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8" name="正方形/長方形 50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9" name="正方形/長方形 50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10" name="正方形/長方形 50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11" name="正方形/長方形 51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12" name="正方形/長方形 51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13" name="テキスト ボックス 51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14" name="直線コネクタ 51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3</xdr:row>
      <xdr:rowOff>105427</xdr:rowOff>
    </xdr:from>
    <xdr:ext cx="248786" cy="259045"/>
    <xdr:sp macro="" textlink="">
      <xdr:nvSpPr>
        <xdr:cNvPr id="515" name="テキスト ボックス 514"/>
        <xdr:cNvSpPr txBox="1"/>
      </xdr:nvSpPr>
      <xdr:spPr>
        <a:xfrm>
          <a:off x="18039214" y="747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2</xdr:row>
      <xdr:rowOff>38100</xdr:rowOff>
    </xdr:from>
    <xdr:to>
      <xdr:col>120</xdr:col>
      <xdr:colOff>114300</xdr:colOff>
      <xdr:row>42</xdr:row>
      <xdr:rowOff>38100</xdr:rowOff>
    </xdr:to>
    <xdr:cxnSp macro="">
      <xdr:nvCxnSpPr>
        <xdr:cNvPr id="516" name="直線コネクタ 515"/>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1</xdr:row>
      <xdr:rowOff>67327</xdr:rowOff>
    </xdr:from>
    <xdr:ext cx="531299" cy="259045"/>
    <xdr:sp macro="" textlink="">
      <xdr:nvSpPr>
        <xdr:cNvPr id="517" name="テキスト ボックス 516"/>
        <xdr:cNvSpPr txBox="1"/>
      </xdr:nvSpPr>
      <xdr:spPr>
        <a:xfrm>
          <a:off x="17756701" y="709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18" name="直線コネクタ 517"/>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19" name="テキスト ボックス 518"/>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20" name="直線コネクタ 519"/>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21" name="テキスト ボックス 520"/>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22" name="直線コネクタ 521"/>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23" name="テキスト ボックス 522"/>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24" name="直線コネクタ 523"/>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25" name="テキスト ボックス 524"/>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6" name="直線コネクタ 525"/>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27" name="テキスト ボックス 526"/>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8"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95879</xdr:rowOff>
    </xdr:from>
    <xdr:to>
      <xdr:col>116</xdr:col>
      <xdr:colOff>62864</xdr:colOff>
      <xdr:row>42</xdr:row>
      <xdr:rowOff>25203</xdr:rowOff>
    </xdr:to>
    <xdr:cxnSp macro="">
      <xdr:nvCxnSpPr>
        <xdr:cNvPr id="529" name="直線コネクタ 528"/>
        <xdr:cNvCxnSpPr/>
      </xdr:nvCxnSpPr>
      <xdr:spPr>
        <a:xfrm flipV="1">
          <a:off x="22160864" y="5753729"/>
          <a:ext cx="0" cy="1472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9030</xdr:rowOff>
    </xdr:from>
    <xdr:ext cx="534377" cy="259045"/>
    <xdr:sp macro="" textlink="">
      <xdr:nvSpPr>
        <xdr:cNvPr id="530" name="【一般廃棄物処理施設】&#10;一人当たり有形固定資産（償却資産）額最小値テキスト"/>
        <xdr:cNvSpPr txBox="1"/>
      </xdr:nvSpPr>
      <xdr:spPr>
        <a:xfrm>
          <a:off x="22199600" y="7229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25203</xdr:rowOff>
    </xdr:from>
    <xdr:to>
      <xdr:col>116</xdr:col>
      <xdr:colOff>152400</xdr:colOff>
      <xdr:row>42</xdr:row>
      <xdr:rowOff>25203</xdr:rowOff>
    </xdr:to>
    <xdr:cxnSp macro="">
      <xdr:nvCxnSpPr>
        <xdr:cNvPr id="531" name="直線コネクタ 530"/>
        <xdr:cNvCxnSpPr/>
      </xdr:nvCxnSpPr>
      <xdr:spPr>
        <a:xfrm>
          <a:off x="22072600" y="7226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2556</xdr:rowOff>
    </xdr:from>
    <xdr:ext cx="534377" cy="259045"/>
    <xdr:sp macro="" textlink="">
      <xdr:nvSpPr>
        <xdr:cNvPr id="532" name="【一般廃棄物処理施設】&#10;一人当たり有形固定資産（償却資産）額最大値テキスト"/>
        <xdr:cNvSpPr txBox="1"/>
      </xdr:nvSpPr>
      <xdr:spPr>
        <a:xfrm>
          <a:off x="22199600" y="5528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95879</xdr:rowOff>
    </xdr:from>
    <xdr:to>
      <xdr:col>116</xdr:col>
      <xdr:colOff>152400</xdr:colOff>
      <xdr:row>33</xdr:row>
      <xdr:rowOff>95879</xdr:rowOff>
    </xdr:to>
    <xdr:cxnSp macro="">
      <xdr:nvCxnSpPr>
        <xdr:cNvPr id="533" name="直線コネクタ 532"/>
        <xdr:cNvCxnSpPr/>
      </xdr:nvCxnSpPr>
      <xdr:spPr>
        <a:xfrm>
          <a:off x="22072600" y="5753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44956</xdr:rowOff>
    </xdr:from>
    <xdr:ext cx="534377" cy="259045"/>
    <xdr:sp macro="" textlink="">
      <xdr:nvSpPr>
        <xdr:cNvPr id="534" name="【一般廃棄物処理施設】&#10;一人当たり有形固定資産（償却資産）額平均値テキスト"/>
        <xdr:cNvSpPr txBox="1"/>
      </xdr:nvSpPr>
      <xdr:spPr>
        <a:xfrm>
          <a:off x="22199600" y="63886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66529</xdr:rowOff>
    </xdr:from>
    <xdr:to>
      <xdr:col>116</xdr:col>
      <xdr:colOff>114300</xdr:colOff>
      <xdr:row>37</xdr:row>
      <xdr:rowOff>168129</xdr:rowOff>
    </xdr:to>
    <xdr:sp macro="" textlink="">
      <xdr:nvSpPr>
        <xdr:cNvPr id="535" name="フローチャート: 判断 534"/>
        <xdr:cNvSpPr/>
      </xdr:nvSpPr>
      <xdr:spPr>
        <a:xfrm>
          <a:off x="22110700" y="6410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86151</xdr:rowOff>
    </xdr:from>
    <xdr:to>
      <xdr:col>112</xdr:col>
      <xdr:colOff>38100</xdr:colOff>
      <xdr:row>38</xdr:row>
      <xdr:rowOff>16301</xdr:rowOff>
    </xdr:to>
    <xdr:sp macro="" textlink="">
      <xdr:nvSpPr>
        <xdr:cNvPr id="536" name="フローチャート: 判断 535"/>
        <xdr:cNvSpPr/>
      </xdr:nvSpPr>
      <xdr:spPr>
        <a:xfrm>
          <a:off x="21272500" y="6429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87160</xdr:rowOff>
    </xdr:from>
    <xdr:to>
      <xdr:col>107</xdr:col>
      <xdr:colOff>101600</xdr:colOff>
      <xdr:row>38</xdr:row>
      <xdr:rowOff>17311</xdr:rowOff>
    </xdr:to>
    <xdr:sp macro="" textlink="">
      <xdr:nvSpPr>
        <xdr:cNvPr id="537" name="フローチャート: 判断 536"/>
        <xdr:cNvSpPr/>
      </xdr:nvSpPr>
      <xdr:spPr>
        <a:xfrm>
          <a:off x="20383500" y="643081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6</xdr:row>
      <xdr:rowOff>141910</xdr:rowOff>
    </xdr:from>
    <xdr:to>
      <xdr:col>102</xdr:col>
      <xdr:colOff>165100</xdr:colOff>
      <xdr:row>37</xdr:row>
      <xdr:rowOff>72060</xdr:rowOff>
    </xdr:to>
    <xdr:sp macro="" textlink="">
      <xdr:nvSpPr>
        <xdr:cNvPr id="538" name="フローチャート: 判断 537"/>
        <xdr:cNvSpPr/>
      </xdr:nvSpPr>
      <xdr:spPr>
        <a:xfrm>
          <a:off x="19494500" y="6314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9" name="テキスト ボックス 53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40" name="テキスト ボックス 53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41" name="テキスト ボックス 54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42" name="テキスト ボックス 54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43" name="テキスト ボックス 54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70072</xdr:rowOff>
    </xdr:from>
    <xdr:to>
      <xdr:col>116</xdr:col>
      <xdr:colOff>114300</xdr:colOff>
      <xdr:row>36</xdr:row>
      <xdr:rowOff>222</xdr:rowOff>
    </xdr:to>
    <xdr:sp macro="" textlink="">
      <xdr:nvSpPr>
        <xdr:cNvPr id="544" name="楕円 543"/>
        <xdr:cNvSpPr/>
      </xdr:nvSpPr>
      <xdr:spPr>
        <a:xfrm>
          <a:off x="22110700" y="607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92949</xdr:rowOff>
    </xdr:from>
    <xdr:ext cx="534377" cy="259045"/>
    <xdr:sp macro="" textlink="">
      <xdr:nvSpPr>
        <xdr:cNvPr id="545" name="【一般廃棄物処理施設】&#10;一人当たり有形固定資産（償却資産）額該当値テキスト"/>
        <xdr:cNvSpPr txBox="1"/>
      </xdr:nvSpPr>
      <xdr:spPr>
        <a:xfrm>
          <a:off x="22199600" y="5922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58681</xdr:rowOff>
    </xdr:from>
    <xdr:to>
      <xdr:col>112</xdr:col>
      <xdr:colOff>38100</xdr:colOff>
      <xdr:row>35</xdr:row>
      <xdr:rowOff>160281</xdr:rowOff>
    </xdr:to>
    <xdr:sp macro="" textlink="">
      <xdr:nvSpPr>
        <xdr:cNvPr id="546" name="楕円 545"/>
        <xdr:cNvSpPr/>
      </xdr:nvSpPr>
      <xdr:spPr>
        <a:xfrm>
          <a:off x="21272500" y="6059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109481</xdr:rowOff>
    </xdr:from>
    <xdr:to>
      <xdr:col>116</xdr:col>
      <xdr:colOff>63500</xdr:colOff>
      <xdr:row>35</xdr:row>
      <xdr:rowOff>120872</xdr:rowOff>
    </xdr:to>
    <xdr:cxnSp macro="">
      <xdr:nvCxnSpPr>
        <xdr:cNvPr id="547" name="直線コネクタ 546"/>
        <xdr:cNvCxnSpPr/>
      </xdr:nvCxnSpPr>
      <xdr:spPr>
        <a:xfrm>
          <a:off x="21323300" y="6110231"/>
          <a:ext cx="838200" cy="11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58376</xdr:rowOff>
    </xdr:from>
    <xdr:to>
      <xdr:col>107</xdr:col>
      <xdr:colOff>101600</xdr:colOff>
      <xdr:row>35</xdr:row>
      <xdr:rowOff>159976</xdr:rowOff>
    </xdr:to>
    <xdr:sp macro="" textlink="">
      <xdr:nvSpPr>
        <xdr:cNvPr id="548" name="楕円 547"/>
        <xdr:cNvSpPr/>
      </xdr:nvSpPr>
      <xdr:spPr>
        <a:xfrm>
          <a:off x="20383500" y="6059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09176</xdr:rowOff>
    </xdr:from>
    <xdr:to>
      <xdr:col>111</xdr:col>
      <xdr:colOff>177800</xdr:colOff>
      <xdr:row>35</xdr:row>
      <xdr:rowOff>109481</xdr:rowOff>
    </xdr:to>
    <xdr:cxnSp macro="">
      <xdr:nvCxnSpPr>
        <xdr:cNvPr id="549" name="直線コネクタ 548"/>
        <xdr:cNvCxnSpPr/>
      </xdr:nvCxnSpPr>
      <xdr:spPr>
        <a:xfrm>
          <a:off x="20434300" y="6109926"/>
          <a:ext cx="889000" cy="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55099</xdr:rowOff>
    </xdr:from>
    <xdr:to>
      <xdr:col>102</xdr:col>
      <xdr:colOff>165100</xdr:colOff>
      <xdr:row>35</xdr:row>
      <xdr:rowOff>156699</xdr:rowOff>
    </xdr:to>
    <xdr:sp macro="" textlink="">
      <xdr:nvSpPr>
        <xdr:cNvPr id="550" name="楕円 549"/>
        <xdr:cNvSpPr/>
      </xdr:nvSpPr>
      <xdr:spPr>
        <a:xfrm>
          <a:off x="19494500" y="6055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105899</xdr:rowOff>
    </xdr:from>
    <xdr:to>
      <xdr:col>107</xdr:col>
      <xdr:colOff>50800</xdr:colOff>
      <xdr:row>35</xdr:row>
      <xdr:rowOff>109176</xdr:rowOff>
    </xdr:to>
    <xdr:cxnSp macro="">
      <xdr:nvCxnSpPr>
        <xdr:cNvPr id="551" name="直線コネクタ 550"/>
        <xdr:cNvCxnSpPr/>
      </xdr:nvCxnSpPr>
      <xdr:spPr>
        <a:xfrm>
          <a:off x="19545300" y="6106649"/>
          <a:ext cx="889000" cy="3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7428</xdr:rowOff>
    </xdr:from>
    <xdr:ext cx="534377" cy="259045"/>
    <xdr:sp macro="" textlink="">
      <xdr:nvSpPr>
        <xdr:cNvPr id="552" name="n_1aveValue【一般廃棄物処理施設】&#10;一人当たり有形固定資産（償却資産）額"/>
        <xdr:cNvSpPr txBox="1"/>
      </xdr:nvSpPr>
      <xdr:spPr>
        <a:xfrm>
          <a:off x="21043411" y="6522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8437</xdr:rowOff>
    </xdr:from>
    <xdr:ext cx="534377" cy="259045"/>
    <xdr:sp macro="" textlink="">
      <xdr:nvSpPr>
        <xdr:cNvPr id="553" name="n_2aveValue【一般廃棄物処理施設】&#10;一人当たり有形固定資産（償却資産）額"/>
        <xdr:cNvSpPr txBox="1"/>
      </xdr:nvSpPr>
      <xdr:spPr>
        <a:xfrm>
          <a:off x="20167111" y="6523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63187</xdr:rowOff>
    </xdr:from>
    <xdr:ext cx="534377" cy="259045"/>
    <xdr:sp macro="" textlink="">
      <xdr:nvSpPr>
        <xdr:cNvPr id="554" name="n_3aveValue【一般廃棄物処理施設】&#10;一人当たり有形固定資産（償却資産）額"/>
        <xdr:cNvSpPr txBox="1"/>
      </xdr:nvSpPr>
      <xdr:spPr>
        <a:xfrm>
          <a:off x="19278111" y="6406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4</xdr:row>
      <xdr:rowOff>5358</xdr:rowOff>
    </xdr:from>
    <xdr:ext cx="534377" cy="259045"/>
    <xdr:sp macro="" textlink="">
      <xdr:nvSpPr>
        <xdr:cNvPr id="555" name="n_1mainValue【一般廃棄物処理施設】&#10;一人当たり有形固定資産（償却資産）額"/>
        <xdr:cNvSpPr txBox="1"/>
      </xdr:nvSpPr>
      <xdr:spPr>
        <a:xfrm>
          <a:off x="21043411" y="5834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4</xdr:row>
      <xdr:rowOff>5053</xdr:rowOff>
    </xdr:from>
    <xdr:ext cx="534377" cy="259045"/>
    <xdr:sp macro="" textlink="">
      <xdr:nvSpPr>
        <xdr:cNvPr id="556" name="n_2mainValue【一般廃棄物処理施設】&#10;一人当たり有形固定資産（償却資産）額"/>
        <xdr:cNvSpPr txBox="1"/>
      </xdr:nvSpPr>
      <xdr:spPr>
        <a:xfrm>
          <a:off x="20167111" y="5834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4</xdr:row>
      <xdr:rowOff>1776</xdr:rowOff>
    </xdr:from>
    <xdr:ext cx="534377" cy="259045"/>
    <xdr:sp macro="" textlink="">
      <xdr:nvSpPr>
        <xdr:cNvPr id="557" name="n_3mainValue【一般廃棄物処理施設】&#10;一人当たり有形固定資産（償却資産）額"/>
        <xdr:cNvSpPr txBox="1"/>
      </xdr:nvSpPr>
      <xdr:spPr>
        <a:xfrm>
          <a:off x="19278111" y="5831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8" name="正方形/長方形 557"/>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9" name="正方形/長方形 558"/>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60" name="正方形/長方形 559"/>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61" name="正方形/長方形 560"/>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62" name="正方形/長方形 561"/>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63" name="正方形/長方形 562"/>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64" name="正方形/長方形 563"/>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65" name="正方形/長方形 564"/>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66" name="テキスト ボックス 565"/>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67" name="直線コネクタ 566"/>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68" name="テキスト ボックス 567"/>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69" name="直線コネクタ 568"/>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70" name="テキスト ボックス 569"/>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71" name="直線コネクタ 570"/>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72" name="テキスト ボックス 571"/>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73" name="直線コネクタ 572"/>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74" name="テキスト ボックス 573"/>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75" name="直線コネクタ 574"/>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76" name="テキスト ボックス 575"/>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77" name="直線コネクタ 576"/>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78" name="テキスト ボックス 577"/>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79" name="直線コネクタ 57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80" name="テキスト ボックス 579"/>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8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53340</xdr:rowOff>
    </xdr:from>
    <xdr:to>
      <xdr:col>85</xdr:col>
      <xdr:colOff>126364</xdr:colOff>
      <xdr:row>64</xdr:row>
      <xdr:rowOff>45720</xdr:rowOff>
    </xdr:to>
    <xdr:cxnSp macro="">
      <xdr:nvCxnSpPr>
        <xdr:cNvPr id="582" name="直線コネクタ 581"/>
        <xdr:cNvCxnSpPr/>
      </xdr:nvCxnSpPr>
      <xdr:spPr>
        <a:xfrm flipV="1">
          <a:off x="16318864" y="9483090"/>
          <a:ext cx="0" cy="153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9547</xdr:rowOff>
    </xdr:from>
    <xdr:ext cx="405111" cy="259045"/>
    <xdr:sp macro="" textlink="">
      <xdr:nvSpPr>
        <xdr:cNvPr id="583" name="【保健センター・保健所】&#10;有形固定資産減価償却率最小値テキスト"/>
        <xdr:cNvSpPr txBox="1"/>
      </xdr:nvSpPr>
      <xdr:spPr>
        <a:xfrm>
          <a:off x="16357600" y="1102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5720</xdr:rowOff>
    </xdr:from>
    <xdr:to>
      <xdr:col>86</xdr:col>
      <xdr:colOff>25400</xdr:colOff>
      <xdr:row>64</xdr:row>
      <xdr:rowOff>45720</xdr:rowOff>
    </xdr:to>
    <xdr:cxnSp macro="">
      <xdr:nvCxnSpPr>
        <xdr:cNvPr id="584" name="直線コネクタ 583"/>
        <xdr:cNvCxnSpPr/>
      </xdr:nvCxnSpPr>
      <xdr:spPr>
        <a:xfrm>
          <a:off x="16230600" y="1101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xdr:rowOff>
    </xdr:from>
    <xdr:ext cx="405111" cy="259045"/>
    <xdr:sp macro="" textlink="">
      <xdr:nvSpPr>
        <xdr:cNvPr id="585" name="【保健センター・保健所】&#10;有形固定資産減価償却率最大値テキスト"/>
        <xdr:cNvSpPr txBox="1"/>
      </xdr:nvSpPr>
      <xdr:spPr>
        <a:xfrm>
          <a:off x="16357600" y="9258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53340</xdr:rowOff>
    </xdr:from>
    <xdr:to>
      <xdr:col>86</xdr:col>
      <xdr:colOff>25400</xdr:colOff>
      <xdr:row>55</xdr:row>
      <xdr:rowOff>53340</xdr:rowOff>
    </xdr:to>
    <xdr:cxnSp macro="">
      <xdr:nvCxnSpPr>
        <xdr:cNvPr id="586" name="直線コネクタ 585"/>
        <xdr:cNvCxnSpPr/>
      </xdr:nvCxnSpPr>
      <xdr:spPr>
        <a:xfrm>
          <a:off x="16230600" y="9483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10507</xdr:rowOff>
    </xdr:from>
    <xdr:ext cx="405111" cy="259045"/>
    <xdr:sp macro="" textlink="">
      <xdr:nvSpPr>
        <xdr:cNvPr id="587" name="【保健センター・保健所】&#10;有形固定資産減価償却率平均値テキスト"/>
        <xdr:cNvSpPr txBox="1"/>
      </xdr:nvSpPr>
      <xdr:spPr>
        <a:xfrm>
          <a:off x="16357600" y="103975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32080</xdr:rowOff>
    </xdr:from>
    <xdr:to>
      <xdr:col>85</xdr:col>
      <xdr:colOff>177800</xdr:colOff>
      <xdr:row>61</xdr:row>
      <xdr:rowOff>62230</xdr:rowOff>
    </xdr:to>
    <xdr:sp macro="" textlink="">
      <xdr:nvSpPr>
        <xdr:cNvPr id="588" name="フローチャート: 判断 587"/>
        <xdr:cNvSpPr/>
      </xdr:nvSpPr>
      <xdr:spPr>
        <a:xfrm>
          <a:off x="1626870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54940</xdr:rowOff>
    </xdr:from>
    <xdr:to>
      <xdr:col>81</xdr:col>
      <xdr:colOff>101600</xdr:colOff>
      <xdr:row>61</xdr:row>
      <xdr:rowOff>85090</xdr:rowOff>
    </xdr:to>
    <xdr:sp macro="" textlink="">
      <xdr:nvSpPr>
        <xdr:cNvPr id="589" name="フローチャート: 判断 588"/>
        <xdr:cNvSpPr/>
      </xdr:nvSpPr>
      <xdr:spPr>
        <a:xfrm>
          <a:off x="15430500" y="1044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70180</xdr:rowOff>
    </xdr:from>
    <xdr:to>
      <xdr:col>76</xdr:col>
      <xdr:colOff>165100</xdr:colOff>
      <xdr:row>61</xdr:row>
      <xdr:rowOff>100330</xdr:rowOff>
    </xdr:to>
    <xdr:sp macro="" textlink="">
      <xdr:nvSpPr>
        <xdr:cNvPr id="590" name="フローチャート: 判断 589"/>
        <xdr:cNvSpPr/>
      </xdr:nvSpPr>
      <xdr:spPr>
        <a:xfrm>
          <a:off x="1454150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5410</xdr:rowOff>
    </xdr:from>
    <xdr:to>
      <xdr:col>72</xdr:col>
      <xdr:colOff>38100</xdr:colOff>
      <xdr:row>60</xdr:row>
      <xdr:rowOff>35560</xdr:rowOff>
    </xdr:to>
    <xdr:sp macro="" textlink="">
      <xdr:nvSpPr>
        <xdr:cNvPr id="591" name="フローチャート: 判断 590"/>
        <xdr:cNvSpPr/>
      </xdr:nvSpPr>
      <xdr:spPr>
        <a:xfrm>
          <a:off x="13652500" y="1022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92" name="テキスト ボックス 59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93" name="テキスト ボックス 59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94" name="テキスト ボックス 59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95" name="テキスト ボックス 59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96" name="テキスト ボックス 59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40640</xdr:rowOff>
    </xdr:from>
    <xdr:to>
      <xdr:col>85</xdr:col>
      <xdr:colOff>177800</xdr:colOff>
      <xdr:row>58</xdr:row>
      <xdr:rowOff>142240</xdr:rowOff>
    </xdr:to>
    <xdr:sp macro="" textlink="">
      <xdr:nvSpPr>
        <xdr:cNvPr id="597" name="楕円 596"/>
        <xdr:cNvSpPr/>
      </xdr:nvSpPr>
      <xdr:spPr>
        <a:xfrm>
          <a:off x="16268700" y="998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63517</xdr:rowOff>
    </xdr:from>
    <xdr:ext cx="405111" cy="259045"/>
    <xdr:sp macro="" textlink="">
      <xdr:nvSpPr>
        <xdr:cNvPr id="598" name="【保健センター・保健所】&#10;有形固定資産減価償却率該当値テキスト"/>
        <xdr:cNvSpPr txBox="1"/>
      </xdr:nvSpPr>
      <xdr:spPr>
        <a:xfrm>
          <a:off x="16357600" y="9836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16840</xdr:rowOff>
    </xdr:from>
    <xdr:to>
      <xdr:col>81</xdr:col>
      <xdr:colOff>101600</xdr:colOff>
      <xdr:row>59</xdr:row>
      <xdr:rowOff>46990</xdr:rowOff>
    </xdr:to>
    <xdr:sp macro="" textlink="">
      <xdr:nvSpPr>
        <xdr:cNvPr id="599" name="楕円 598"/>
        <xdr:cNvSpPr/>
      </xdr:nvSpPr>
      <xdr:spPr>
        <a:xfrm>
          <a:off x="15430500" y="10060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91440</xdr:rowOff>
    </xdr:from>
    <xdr:to>
      <xdr:col>85</xdr:col>
      <xdr:colOff>127000</xdr:colOff>
      <xdr:row>58</xdr:row>
      <xdr:rowOff>167640</xdr:rowOff>
    </xdr:to>
    <xdr:cxnSp macro="">
      <xdr:nvCxnSpPr>
        <xdr:cNvPr id="600" name="直線コネクタ 599"/>
        <xdr:cNvCxnSpPr/>
      </xdr:nvCxnSpPr>
      <xdr:spPr>
        <a:xfrm flipV="1">
          <a:off x="15481300" y="1003554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21590</xdr:rowOff>
    </xdr:from>
    <xdr:to>
      <xdr:col>76</xdr:col>
      <xdr:colOff>165100</xdr:colOff>
      <xdr:row>59</xdr:row>
      <xdr:rowOff>123190</xdr:rowOff>
    </xdr:to>
    <xdr:sp macro="" textlink="">
      <xdr:nvSpPr>
        <xdr:cNvPr id="601" name="楕円 600"/>
        <xdr:cNvSpPr/>
      </xdr:nvSpPr>
      <xdr:spPr>
        <a:xfrm>
          <a:off x="14541500" y="10137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67640</xdr:rowOff>
    </xdr:from>
    <xdr:to>
      <xdr:col>81</xdr:col>
      <xdr:colOff>50800</xdr:colOff>
      <xdr:row>59</xdr:row>
      <xdr:rowOff>72390</xdr:rowOff>
    </xdr:to>
    <xdr:cxnSp macro="">
      <xdr:nvCxnSpPr>
        <xdr:cNvPr id="602" name="直線コネクタ 601"/>
        <xdr:cNvCxnSpPr/>
      </xdr:nvCxnSpPr>
      <xdr:spPr>
        <a:xfrm flipV="1">
          <a:off x="14592300" y="1011174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97790</xdr:rowOff>
    </xdr:from>
    <xdr:to>
      <xdr:col>72</xdr:col>
      <xdr:colOff>38100</xdr:colOff>
      <xdr:row>60</xdr:row>
      <xdr:rowOff>27940</xdr:rowOff>
    </xdr:to>
    <xdr:sp macro="" textlink="">
      <xdr:nvSpPr>
        <xdr:cNvPr id="603" name="楕円 602"/>
        <xdr:cNvSpPr/>
      </xdr:nvSpPr>
      <xdr:spPr>
        <a:xfrm>
          <a:off x="13652500" y="1021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72390</xdr:rowOff>
    </xdr:from>
    <xdr:to>
      <xdr:col>76</xdr:col>
      <xdr:colOff>114300</xdr:colOff>
      <xdr:row>59</xdr:row>
      <xdr:rowOff>148590</xdr:rowOff>
    </xdr:to>
    <xdr:cxnSp macro="">
      <xdr:nvCxnSpPr>
        <xdr:cNvPr id="604" name="直線コネクタ 603"/>
        <xdr:cNvCxnSpPr/>
      </xdr:nvCxnSpPr>
      <xdr:spPr>
        <a:xfrm flipV="1">
          <a:off x="13703300" y="1018794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1</xdr:row>
      <xdr:rowOff>76217</xdr:rowOff>
    </xdr:from>
    <xdr:ext cx="405111" cy="259045"/>
    <xdr:sp macro="" textlink="">
      <xdr:nvSpPr>
        <xdr:cNvPr id="605" name="n_1aveValue【保健センター・保健所】&#10;有形固定資産減価償却率"/>
        <xdr:cNvSpPr txBox="1"/>
      </xdr:nvSpPr>
      <xdr:spPr>
        <a:xfrm>
          <a:off x="15266044" y="1053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91457</xdr:rowOff>
    </xdr:from>
    <xdr:ext cx="405111" cy="259045"/>
    <xdr:sp macro="" textlink="">
      <xdr:nvSpPr>
        <xdr:cNvPr id="606" name="n_2aveValue【保健センター・保健所】&#10;有形固定資産減価償却率"/>
        <xdr:cNvSpPr txBox="1"/>
      </xdr:nvSpPr>
      <xdr:spPr>
        <a:xfrm>
          <a:off x="14389744" y="10549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26687</xdr:rowOff>
    </xdr:from>
    <xdr:ext cx="405111" cy="259045"/>
    <xdr:sp macro="" textlink="">
      <xdr:nvSpPr>
        <xdr:cNvPr id="607" name="n_3aveValue【保健センター・保健所】&#10;有形固定資産減価償却率"/>
        <xdr:cNvSpPr txBox="1"/>
      </xdr:nvSpPr>
      <xdr:spPr>
        <a:xfrm>
          <a:off x="13500744" y="10313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63517</xdr:rowOff>
    </xdr:from>
    <xdr:ext cx="405111" cy="259045"/>
    <xdr:sp macro="" textlink="">
      <xdr:nvSpPr>
        <xdr:cNvPr id="608" name="n_1mainValue【保健センター・保健所】&#10;有形固定資産減価償却率"/>
        <xdr:cNvSpPr txBox="1"/>
      </xdr:nvSpPr>
      <xdr:spPr>
        <a:xfrm>
          <a:off x="15266044" y="9836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39717</xdr:rowOff>
    </xdr:from>
    <xdr:ext cx="405111" cy="259045"/>
    <xdr:sp macro="" textlink="">
      <xdr:nvSpPr>
        <xdr:cNvPr id="609" name="n_2mainValue【保健センター・保健所】&#10;有形固定資産減価償却率"/>
        <xdr:cNvSpPr txBox="1"/>
      </xdr:nvSpPr>
      <xdr:spPr>
        <a:xfrm>
          <a:off x="14389744" y="991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44467</xdr:rowOff>
    </xdr:from>
    <xdr:ext cx="405111" cy="259045"/>
    <xdr:sp macro="" textlink="">
      <xdr:nvSpPr>
        <xdr:cNvPr id="610" name="n_3mainValue【保健センター・保健所】&#10;有形固定資産減価償却率"/>
        <xdr:cNvSpPr txBox="1"/>
      </xdr:nvSpPr>
      <xdr:spPr>
        <a:xfrm>
          <a:off x="13500744" y="9988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11" name="正方形/長方形 610"/>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2" name="正方形/長方形 611"/>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13" name="正方形/長方形 612"/>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14" name="正方形/長方形 613"/>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15" name="正方形/長方形 614"/>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16" name="正方形/長方形 615"/>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17" name="正方形/長方形 616"/>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8" name="正方形/長方形 617"/>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19" name="テキスト ボックス 618"/>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20" name="直線コネクタ 619"/>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21" name="直線コネクタ 620"/>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22" name="テキスト ボックス 621"/>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23" name="直線コネクタ 622"/>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24" name="テキスト ボックス 623"/>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25" name="直線コネクタ 624"/>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26" name="テキスト ボックス 625"/>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27" name="直線コネクタ 626"/>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28" name="テキスト ボックス 627"/>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29" name="直線コネクタ 628"/>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30" name="テキスト ボックス 629"/>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31" name="直線コネクタ 63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32" name="テキスト ボックス 63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33"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3350</xdr:rowOff>
    </xdr:from>
    <xdr:to>
      <xdr:col>116</xdr:col>
      <xdr:colOff>62864</xdr:colOff>
      <xdr:row>64</xdr:row>
      <xdr:rowOff>0</xdr:rowOff>
    </xdr:to>
    <xdr:cxnSp macro="">
      <xdr:nvCxnSpPr>
        <xdr:cNvPr id="634" name="直線コネクタ 633"/>
        <xdr:cNvCxnSpPr/>
      </xdr:nvCxnSpPr>
      <xdr:spPr>
        <a:xfrm flipV="1">
          <a:off x="22160864" y="95631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827</xdr:rowOff>
    </xdr:from>
    <xdr:ext cx="469744" cy="259045"/>
    <xdr:sp macro="" textlink="">
      <xdr:nvSpPr>
        <xdr:cNvPr id="635" name="【保健センター・保健所】&#10;一人当たり面積最小値テキスト"/>
        <xdr:cNvSpPr txBox="1"/>
      </xdr:nvSpPr>
      <xdr:spPr>
        <a:xfrm>
          <a:off x="22199600"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0</xdr:rowOff>
    </xdr:from>
    <xdr:to>
      <xdr:col>116</xdr:col>
      <xdr:colOff>152400</xdr:colOff>
      <xdr:row>64</xdr:row>
      <xdr:rowOff>0</xdr:rowOff>
    </xdr:to>
    <xdr:cxnSp macro="">
      <xdr:nvCxnSpPr>
        <xdr:cNvPr id="636" name="直線コネクタ 635"/>
        <xdr:cNvCxnSpPr/>
      </xdr:nvCxnSpPr>
      <xdr:spPr>
        <a:xfrm>
          <a:off x="22072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0027</xdr:rowOff>
    </xdr:from>
    <xdr:ext cx="469744" cy="259045"/>
    <xdr:sp macro="" textlink="">
      <xdr:nvSpPr>
        <xdr:cNvPr id="637" name="【保健センター・保健所】&#10;一人当たり面積最大値テキスト"/>
        <xdr:cNvSpPr txBox="1"/>
      </xdr:nvSpPr>
      <xdr:spPr>
        <a:xfrm>
          <a:off x="22199600" y="933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3350</xdr:rowOff>
    </xdr:from>
    <xdr:to>
      <xdr:col>116</xdr:col>
      <xdr:colOff>152400</xdr:colOff>
      <xdr:row>55</xdr:row>
      <xdr:rowOff>133350</xdr:rowOff>
    </xdr:to>
    <xdr:cxnSp macro="">
      <xdr:nvCxnSpPr>
        <xdr:cNvPr id="638" name="直線コネクタ 637"/>
        <xdr:cNvCxnSpPr/>
      </xdr:nvCxnSpPr>
      <xdr:spPr>
        <a:xfrm>
          <a:off x="22072600" y="956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29227</xdr:rowOff>
    </xdr:from>
    <xdr:ext cx="469744" cy="259045"/>
    <xdr:sp macro="" textlink="">
      <xdr:nvSpPr>
        <xdr:cNvPr id="639" name="【保健センター・保健所】&#10;一人当たり面積平均値テキスト"/>
        <xdr:cNvSpPr txBox="1"/>
      </xdr:nvSpPr>
      <xdr:spPr>
        <a:xfrm>
          <a:off x="22199600" y="10316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6350</xdr:rowOff>
    </xdr:from>
    <xdr:to>
      <xdr:col>116</xdr:col>
      <xdr:colOff>114300</xdr:colOff>
      <xdr:row>61</xdr:row>
      <xdr:rowOff>107950</xdr:rowOff>
    </xdr:to>
    <xdr:sp macro="" textlink="">
      <xdr:nvSpPr>
        <xdr:cNvPr id="640" name="フローチャート: 判断 639"/>
        <xdr:cNvSpPr/>
      </xdr:nvSpPr>
      <xdr:spPr>
        <a:xfrm>
          <a:off x="221107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9700</xdr:rowOff>
    </xdr:from>
    <xdr:to>
      <xdr:col>112</xdr:col>
      <xdr:colOff>38100</xdr:colOff>
      <xdr:row>61</xdr:row>
      <xdr:rowOff>69850</xdr:rowOff>
    </xdr:to>
    <xdr:sp macro="" textlink="">
      <xdr:nvSpPr>
        <xdr:cNvPr id="641" name="フローチャート: 判断 640"/>
        <xdr:cNvSpPr/>
      </xdr:nvSpPr>
      <xdr:spPr>
        <a:xfrm>
          <a:off x="21272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350</xdr:rowOff>
    </xdr:from>
    <xdr:to>
      <xdr:col>107</xdr:col>
      <xdr:colOff>101600</xdr:colOff>
      <xdr:row>61</xdr:row>
      <xdr:rowOff>107950</xdr:rowOff>
    </xdr:to>
    <xdr:sp macro="" textlink="">
      <xdr:nvSpPr>
        <xdr:cNvPr id="642" name="フローチャート: 判断 641"/>
        <xdr:cNvSpPr/>
      </xdr:nvSpPr>
      <xdr:spPr>
        <a:xfrm>
          <a:off x="20383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01600</xdr:rowOff>
    </xdr:from>
    <xdr:to>
      <xdr:col>102</xdr:col>
      <xdr:colOff>165100</xdr:colOff>
      <xdr:row>61</xdr:row>
      <xdr:rowOff>31750</xdr:rowOff>
    </xdr:to>
    <xdr:sp macro="" textlink="">
      <xdr:nvSpPr>
        <xdr:cNvPr id="643" name="フローチャート: 判断 642"/>
        <xdr:cNvSpPr/>
      </xdr:nvSpPr>
      <xdr:spPr>
        <a:xfrm>
          <a:off x="19494500" y="1038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44" name="テキスト ボックス 64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45" name="テキスト ボックス 64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46" name="テキスト ボックス 64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47" name="テキスト ボックス 64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8" name="テキスト ボックス 64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6350</xdr:rowOff>
    </xdr:from>
    <xdr:to>
      <xdr:col>116</xdr:col>
      <xdr:colOff>114300</xdr:colOff>
      <xdr:row>63</xdr:row>
      <xdr:rowOff>107950</xdr:rowOff>
    </xdr:to>
    <xdr:sp macro="" textlink="">
      <xdr:nvSpPr>
        <xdr:cNvPr id="649" name="楕円 648"/>
        <xdr:cNvSpPr/>
      </xdr:nvSpPr>
      <xdr:spPr>
        <a:xfrm>
          <a:off x="221107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2727</xdr:rowOff>
    </xdr:from>
    <xdr:ext cx="469744" cy="259045"/>
    <xdr:sp macro="" textlink="">
      <xdr:nvSpPr>
        <xdr:cNvPr id="650" name="【保健センター・保健所】&#10;一人当たり面積該当値テキスト"/>
        <xdr:cNvSpPr txBox="1"/>
      </xdr:nvSpPr>
      <xdr:spPr>
        <a:xfrm>
          <a:off x="22199600" y="1072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6350</xdr:rowOff>
    </xdr:from>
    <xdr:to>
      <xdr:col>112</xdr:col>
      <xdr:colOff>38100</xdr:colOff>
      <xdr:row>63</xdr:row>
      <xdr:rowOff>107950</xdr:rowOff>
    </xdr:to>
    <xdr:sp macro="" textlink="">
      <xdr:nvSpPr>
        <xdr:cNvPr id="651" name="楕円 650"/>
        <xdr:cNvSpPr/>
      </xdr:nvSpPr>
      <xdr:spPr>
        <a:xfrm>
          <a:off x="21272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57150</xdr:rowOff>
    </xdr:from>
    <xdr:to>
      <xdr:col>116</xdr:col>
      <xdr:colOff>63500</xdr:colOff>
      <xdr:row>63</xdr:row>
      <xdr:rowOff>57150</xdr:rowOff>
    </xdr:to>
    <xdr:cxnSp macro="">
      <xdr:nvCxnSpPr>
        <xdr:cNvPr id="652" name="直線コネクタ 651"/>
        <xdr:cNvCxnSpPr/>
      </xdr:nvCxnSpPr>
      <xdr:spPr>
        <a:xfrm>
          <a:off x="21323300" y="1085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6350</xdr:rowOff>
    </xdr:from>
    <xdr:to>
      <xdr:col>107</xdr:col>
      <xdr:colOff>101600</xdr:colOff>
      <xdr:row>63</xdr:row>
      <xdr:rowOff>107950</xdr:rowOff>
    </xdr:to>
    <xdr:sp macro="" textlink="">
      <xdr:nvSpPr>
        <xdr:cNvPr id="653" name="楕円 652"/>
        <xdr:cNvSpPr/>
      </xdr:nvSpPr>
      <xdr:spPr>
        <a:xfrm>
          <a:off x="20383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57150</xdr:rowOff>
    </xdr:from>
    <xdr:to>
      <xdr:col>111</xdr:col>
      <xdr:colOff>177800</xdr:colOff>
      <xdr:row>63</xdr:row>
      <xdr:rowOff>57150</xdr:rowOff>
    </xdr:to>
    <xdr:cxnSp macro="">
      <xdr:nvCxnSpPr>
        <xdr:cNvPr id="654" name="直線コネクタ 653"/>
        <xdr:cNvCxnSpPr/>
      </xdr:nvCxnSpPr>
      <xdr:spPr>
        <a:xfrm>
          <a:off x="20434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6350</xdr:rowOff>
    </xdr:from>
    <xdr:to>
      <xdr:col>102</xdr:col>
      <xdr:colOff>165100</xdr:colOff>
      <xdr:row>63</xdr:row>
      <xdr:rowOff>107950</xdr:rowOff>
    </xdr:to>
    <xdr:sp macro="" textlink="">
      <xdr:nvSpPr>
        <xdr:cNvPr id="655" name="楕円 654"/>
        <xdr:cNvSpPr/>
      </xdr:nvSpPr>
      <xdr:spPr>
        <a:xfrm>
          <a:off x="19494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57150</xdr:rowOff>
    </xdr:from>
    <xdr:to>
      <xdr:col>107</xdr:col>
      <xdr:colOff>50800</xdr:colOff>
      <xdr:row>63</xdr:row>
      <xdr:rowOff>57150</xdr:rowOff>
    </xdr:to>
    <xdr:cxnSp macro="">
      <xdr:nvCxnSpPr>
        <xdr:cNvPr id="656" name="直線コネクタ 655"/>
        <xdr:cNvCxnSpPr/>
      </xdr:nvCxnSpPr>
      <xdr:spPr>
        <a:xfrm>
          <a:off x="19545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86377</xdr:rowOff>
    </xdr:from>
    <xdr:ext cx="469744" cy="259045"/>
    <xdr:sp macro="" textlink="">
      <xdr:nvSpPr>
        <xdr:cNvPr id="657" name="n_1aveValue【保健センター・保健所】&#10;一人当たり面積"/>
        <xdr:cNvSpPr txBox="1"/>
      </xdr:nvSpPr>
      <xdr:spPr>
        <a:xfrm>
          <a:off x="210757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24477</xdr:rowOff>
    </xdr:from>
    <xdr:ext cx="469744" cy="259045"/>
    <xdr:sp macro="" textlink="">
      <xdr:nvSpPr>
        <xdr:cNvPr id="658" name="n_2aveValue【保健センター・保健所】&#10;一人当たり面積"/>
        <xdr:cNvSpPr txBox="1"/>
      </xdr:nvSpPr>
      <xdr:spPr>
        <a:xfrm>
          <a:off x="201994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48277</xdr:rowOff>
    </xdr:from>
    <xdr:ext cx="469744" cy="259045"/>
    <xdr:sp macro="" textlink="">
      <xdr:nvSpPr>
        <xdr:cNvPr id="659" name="n_3aveValue【保健センター・保健所】&#10;一人当たり面積"/>
        <xdr:cNvSpPr txBox="1"/>
      </xdr:nvSpPr>
      <xdr:spPr>
        <a:xfrm>
          <a:off x="19310427" y="101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99077</xdr:rowOff>
    </xdr:from>
    <xdr:ext cx="469744" cy="259045"/>
    <xdr:sp macro="" textlink="">
      <xdr:nvSpPr>
        <xdr:cNvPr id="660" name="n_1mainValue【保健センター・保健所】&#10;一人当たり面積"/>
        <xdr:cNvSpPr txBox="1"/>
      </xdr:nvSpPr>
      <xdr:spPr>
        <a:xfrm>
          <a:off x="210757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99077</xdr:rowOff>
    </xdr:from>
    <xdr:ext cx="469744" cy="259045"/>
    <xdr:sp macro="" textlink="">
      <xdr:nvSpPr>
        <xdr:cNvPr id="661" name="n_2mainValue【保健センター・保健所】&#10;一人当たり面積"/>
        <xdr:cNvSpPr txBox="1"/>
      </xdr:nvSpPr>
      <xdr:spPr>
        <a:xfrm>
          <a:off x="20199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99077</xdr:rowOff>
    </xdr:from>
    <xdr:ext cx="469744" cy="259045"/>
    <xdr:sp macro="" textlink="">
      <xdr:nvSpPr>
        <xdr:cNvPr id="662" name="n_3mainValue【保健センター・保健所】&#10;一人当たり面積"/>
        <xdr:cNvSpPr txBox="1"/>
      </xdr:nvSpPr>
      <xdr:spPr>
        <a:xfrm>
          <a:off x="19310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63" name="正方形/長方形 66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64" name="正方形/長方形 66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65" name="正方形/長方形 66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66" name="正方形/長方形 66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67" name="正方形/長方形 66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68" name="正方形/長方形 66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9" name="正方形/長方形 66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70" name="正方形/長方形 669"/>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71" name="テキスト ボックス 670"/>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72" name="直線コネクタ 671"/>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673" name="テキスト ボックス 672"/>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74" name="直線コネクタ 673"/>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675" name="テキスト ボックス 674"/>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76" name="直線コネクタ 675"/>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77" name="テキスト ボックス 676"/>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78" name="直線コネクタ 677"/>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79" name="テキスト ボックス 678"/>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80" name="直線コネクタ 679"/>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81" name="テキスト ボックス 680"/>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82" name="直線コネクタ 681"/>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83" name="テキスト ボックス 682"/>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84" name="直線コネクタ 683"/>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685" name="テキスト ボックス 684"/>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86"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6200</xdr:rowOff>
    </xdr:from>
    <xdr:to>
      <xdr:col>85</xdr:col>
      <xdr:colOff>126364</xdr:colOff>
      <xdr:row>85</xdr:row>
      <xdr:rowOff>41911</xdr:rowOff>
    </xdr:to>
    <xdr:cxnSp macro="">
      <xdr:nvCxnSpPr>
        <xdr:cNvPr id="687" name="直線コネクタ 686"/>
        <xdr:cNvCxnSpPr/>
      </xdr:nvCxnSpPr>
      <xdr:spPr>
        <a:xfrm flipV="1">
          <a:off x="16318864" y="13277850"/>
          <a:ext cx="0" cy="1337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45738</xdr:rowOff>
    </xdr:from>
    <xdr:ext cx="405111" cy="259045"/>
    <xdr:sp macro="" textlink="">
      <xdr:nvSpPr>
        <xdr:cNvPr id="688" name="【消防施設】&#10;有形固定資産減価償却率最小値テキスト"/>
        <xdr:cNvSpPr txBox="1"/>
      </xdr:nvSpPr>
      <xdr:spPr>
        <a:xfrm>
          <a:off x="16357600" y="14618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41911</xdr:rowOff>
    </xdr:from>
    <xdr:to>
      <xdr:col>86</xdr:col>
      <xdr:colOff>25400</xdr:colOff>
      <xdr:row>85</xdr:row>
      <xdr:rowOff>41911</xdr:rowOff>
    </xdr:to>
    <xdr:cxnSp macro="">
      <xdr:nvCxnSpPr>
        <xdr:cNvPr id="689" name="直線コネクタ 688"/>
        <xdr:cNvCxnSpPr/>
      </xdr:nvCxnSpPr>
      <xdr:spPr>
        <a:xfrm>
          <a:off x="16230600" y="14615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2877</xdr:rowOff>
    </xdr:from>
    <xdr:ext cx="405111" cy="259045"/>
    <xdr:sp macro="" textlink="">
      <xdr:nvSpPr>
        <xdr:cNvPr id="690" name="【消防施設】&#10;有形固定資産減価償却率最大値テキスト"/>
        <xdr:cNvSpPr txBox="1"/>
      </xdr:nvSpPr>
      <xdr:spPr>
        <a:xfrm>
          <a:off x="16357600" y="13053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6200</xdr:rowOff>
    </xdr:from>
    <xdr:to>
      <xdr:col>86</xdr:col>
      <xdr:colOff>25400</xdr:colOff>
      <xdr:row>77</xdr:row>
      <xdr:rowOff>76200</xdr:rowOff>
    </xdr:to>
    <xdr:cxnSp macro="">
      <xdr:nvCxnSpPr>
        <xdr:cNvPr id="691" name="直線コネクタ 690"/>
        <xdr:cNvCxnSpPr/>
      </xdr:nvCxnSpPr>
      <xdr:spPr>
        <a:xfrm>
          <a:off x="16230600" y="13277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7797</xdr:rowOff>
    </xdr:from>
    <xdr:ext cx="405111" cy="259045"/>
    <xdr:sp macro="" textlink="">
      <xdr:nvSpPr>
        <xdr:cNvPr id="692" name="【消防施設】&#10;有形固定資産減価償却率平均値テキスト"/>
        <xdr:cNvSpPr txBox="1"/>
      </xdr:nvSpPr>
      <xdr:spPr>
        <a:xfrm>
          <a:off x="16357600" y="13733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66370</xdr:rowOff>
    </xdr:from>
    <xdr:to>
      <xdr:col>85</xdr:col>
      <xdr:colOff>177800</xdr:colOff>
      <xdr:row>81</xdr:row>
      <xdr:rowOff>96520</xdr:rowOff>
    </xdr:to>
    <xdr:sp macro="" textlink="">
      <xdr:nvSpPr>
        <xdr:cNvPr id="693" name="フローチャート: 判断 692"/>
        <xdr:cNvSpPr/>
      </xdr:nvSpPr>
      <xdr:spPr>
        <a:xfrm>
          <a:off x="16268700" y="1388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25400</xdr:rowOff>
    </xdr:from>
    <xdr:to>
      <xdr:col>81</xdr:col>
      <xdr:colOff>101600</xdr:colOff>
      <xdr:row>81</xdr:row>
      <xdr:rowOff>127000</xdr:rowOff>
    </xdr:to>
    <xdr:sp macro="" textlink="">
      <xdr:nvSpPr>
        <xdr:cNvPr id="694" name="フローチャート: 判断 693"/>
        <xdr:cNvSpPr/>
      </xdr:nvSpPr>
      <xdr:spPr>
        <a:xfrm>
          <a:off x="15430500" y="1391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3970</xdr:rowOff>
    </xdr:from>
    <xdr:to>
      <xdr:col>76</xdr:col>
      <xdr:colOff>165100</xdr:colOff>
      <xdr:row>81</xdr:row>
      <xdr:rowOff>115570</xdr:rowOff>
    </xdr:to>
    <xdr:sp macro="" textlink="">
      <xdr:nvSpPr>
        <xdr:cNvPr id="695" name="フローチャート: 判断 694"/>
        <xdr:cNvSpPr/>
      </xdr:nvSpPr>
      <xdr:spPr>
        <a:xfrm>
          <a:off x="14541500" y="13901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39700</xdr:rowOff>
    </xdr:from>
    <xdr:to>
      <xdr:col>72</xdr:col>
      <xdr:colOff>38100</xdr:colOff>
      <xdr:row>82</xdr:row>
      <xdr:rowOff>69850</xdr:rowOff>
    </xdr:to>
    <xdr:sp macro="" textlink="">
      <xdr:nvSpPr>
        <xdr:cNvPr id="696" name="フローチャート: 判断 695"/>
        <xdr:cNvSpPr/>
      </xdr:nvSpPr>
      <xdr:spPr>
        <a:xfrm>
          <a:off x="13652500" y="1402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97" name="テキスト ボックス 69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8" name="テキスト ボックス 69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9" name="テキスト ボックス 69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00" name="テキスト ボックス 69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01" name="テキスト ボックス 70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70180</xdr:rowOff>
    </xdr:from>
    <xdr:to>
      <xdr:col>85</xdr:col>
      <xdr:colOff>177800</xdr:colOff>
      <xdr:row>82</xdr:row>
      <xdr:rowOff>100330</xdr:rowOff>
    </xdr:to>
    <xdr:sp macro="" textlink="">
      <xdr:nvSpPr>
        <xdr:cNvPr id="702" name="楕円 701"/>
        <xdr:cNvSpPr/>
      </xdr:nvSpPr>
      <xdr:spPr>
        <a:xfrm>
          <a:off x="16268700" y="14057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148607</xdr:rowOff>
    </xdr:from>
    <xdr:ext cx="405111" cy="259045"/>
    <xdr:sp macro="" textlink="">
      <xdr:nvSpPr>
        <xdr:cNvPr id="703" name="【消防施設】&#10;有形固定資産減価償却率該当値テキスト"/>
        <xdr:cNvSpPr txBox="1"/>
      </xdr:nvSpPr>
      <xdr:spPr>
        <a:xfrm>
          <a:off x="16357600" y="14036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36830</xdr:rowOff>
    </xdr:from>
    <xdr:to>
      <xdr:col>81</xdr:col>
      <xdr:colOff>101600</xdr:colOff>
      <xdr:row>82</xdr:row>
      <xdr:rowOff>138430</xdr:rowOff>
    </xdr:to>
    <xdr:sp macro="" textlink="">
      <xdr:nvSpPr>
        <xdr:cNvPr id="704" name="楕円 703"/>
        <xdr:cNvSpPr/>
      </xdr:nvSpPr>
      <xdr:spPr>
        <a:xfrm>
          <a:off x="15430500" y="14095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49530</xdr:rowOff>
    </xdr:from>
    <xdr:to>
      <xdr:col>85</xdr:col>
      <xdr:colOff>127000</xdr:colOff>
      <xdr:row>82</xdr:row>
      <xdr:rowOff>87630</xdr:rowOff>
    </xdr:to>
    <xdr:cxnSp macro="">
      <xdr:nvCxnSpPr>
        <xdr:cNvPr id="705" name="直線コネクタ 704"/>
        <xdr:cNvCxnSpPr/>
      </xdr:nvCxnSpPr>
      <xdr:spPr>
        <a:xfrm flipV="1">
          <a:off x="15481300" y="1410843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71120</xdr:rowOff>
    </xdr:from>
    <xdr:to>
      <xdr:col>76</xdr:col>
      <xdr:colOff>165100</xdr:colOff>
      <xdr:row>83</xdr:row>
      <xdr:rowOff>1270</xdr:rowOff>
    </xdr:to>
    <xdr:sp macro="" textlink="">
      <xdr:nvSpPr>
        <xdr:cNvPr id="706" name="楕円 705"/>
        <xdr:cNvSpPr/>
      </xdr:nvSpPr>
      <xdr:spPr>
        <a:xfrm>
          <a:off x="14541500" y="14130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87630</xdr:rowOff>
    </xdr:from>
    <xdr:to>
      <xdr:col>81</xdr:col>
      <xdr:colOff>50800</xdr:colOff>
      <xdr:row>82</xdr:row>
      <xdr:rowOff>121920</xdr:rowOff>
    </xdr:to>
    <xdr:cxnSp macro="">
      <xdr:nvCxnSpPr>
        <xdr:cNvPr id="707" name="直線コネクタ 706"/>
        <xdr:cNvCxnSpPr/>
      </xdr:nvCxnSpPr>
      <xdr:spPr>
        <a:xfrm flipV="1">
          <a:off x="14592300" y="1414653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16839</xdr:rowOff>
    </xdr:from>
    <xdr:to>
      <xdr:col>72</xdr:col>
      <xdr:colOff>38100</xdr:colOff>
      <xdr:row>83</xdr:row>
      <xdr:rowOff>46989</xdr:rowOff>
    </xdr:to>
    <xdr:sp macro="" textlink="">
      <xdr:nvSpPr>
        <xdr:cNvPr id="708" name="楕円 707"/>
        <xdr:cNvSpPr/>
      </xdr:nvSpPr>
      <xdr:spPr>
        <a:xfrm>
          <a:off x="13652500" y="14175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21920</xdr:rowOff>
    </xdr:from>
    <xdr:to>
      <xdr:col>76</xdr:col>
      <xdr:colOff>114300</xdr:colOff>
      <xdr:row>82</xdr:row>
      <xdr:rowOff>167639</xdr:rowOff>
    </xdr:to>
    <xdr:cxnSp macro="">
      <xdr:nvCxnSpPr>
        <xdr:cNvPr id="709" name="直線コネクタ 708"/>
        <xdr:cNvCxnSpPr/>
      </xdr:nvCxnSpPr>
      <xdr:spPr>
        <a:xfrm flipV="1">
          <a:off x="13703300" y="14180820"/>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143527</xdr:rowOff>
    </xdr:from>
    <xdr:ext cx="405111" cy="259045"/>
    <xdr:sp macro="" textlink="">
      <xdr:nvSpPr>
        <xdr:cNvPr id="710" name="n_1aveValue【消防施設】&#10;有形固定資産減価償却率"/>
        <xdr:cNvSpPr txBox="1"/>
      </xdr:nvSpPr>
      <xdr:spPr>
        <a:xfrm>
          <a:off x="15266044" y="1368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32097</xdr:rowOff>
    </xdr:from>
    <xdr:ext cx="405111" cy="259045"/>
    <xdr:sp macro="" textlink="">
      <xdr:nvSpPr>
        <xdr:cNvPr id="711" name="n_2aveValue【消防施設】&#10;有形固定資産減価償却率"/>
        <xdr:cNvSpPr txBox="1"/>
      </xdr:nvSpPr>
      <xdr:spPr>
        <a:xfrm>
          <a:off x="14389744" y="1367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86377</xdr:rowOff>
    </xdr:from>
    <xdr:ext cx="405111" cy="259045"/>
    <xdr:sp macro="" textlink="">
      <xdr:nvSpPr>
        <xdr:cNvPr id="712" name="n_3aveValue【消防施設】&#10;有形固定資産減価償却率"/>
        <xdr:cNvSpPr txBox="1"/>
      </xdr:nvSpPr>
      <xdr:spPr>
        <a:xfrm>
          <a:off x="13500744" y="1380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129557</xdr:rowOff>
    </xdr:from>
    <xdr:ext cx="405111" cy="259045"/>
    <xdr:sp macro="" textlink="">
      <xdr:nvSpPr>
        <xdr:cNvPr id="713" name="n_1mainValue【消防施設】&#10;有形固定資産減価償却率"/>
        <xdr:cNvSpPr txBox="1"/>
      </xdr:nvSpPr>
      <xdr:spPr>
        <a:xfrm>
          <a:off x="15266044" y="14188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63847</xdr:rowOff>
    </xdr:from>
    <xdr:ext cx="405111" cy="259045"/>
    <xdr:sp macro="" textlink="">
      <xdr:nvSpPr>
        <xdr:cNvPr id="714" name="n_2mainValue【消防施設】&#10;有形固定資産減価償却率"/>
        <xdr:cNvSpPr txBox="1"/>
      </xdr:nvSpPr>
      <xdr:spPr>
        <a:xfrm>
          <a:off x="14389744" y="1422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38116</xdr:rowOff>
    </xdr:from>
    <xdr:ext cx="405111" cy="259045"/>
    <xdr:sp macro="" textlink="">
      <xdr:nvSpPr>
        <xdr:cNvPr id="715" name="n_3mainValue【消防施設】&#10;有形固定資産減価償却率"/>
        <xdr:cNvSpPr txBox="1"/>
      </xdr:nvSpPr>
      <xdr:spPr>
        <a:xfrm>
          <a:off x="13500744" y="14268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16" name="正方形/長方形 715"/>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17" name="正方形/長方形 716"/>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18" name="正方形/長方形 717"/>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19" name="正方形/長方形 718"/>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20" name="正方形/長方形 719"/>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21" name="正方形/長方形 720"/>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22" name="正方形/長方形 721"/>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23" name="正方形/長方形 722"/>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24" name="テキスト ボックス 723"/>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25" name="直線コネクタ 724"/>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26" name="テキスト ボックス 725"/>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27" name="直線コネクタ 726"/>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28" name="テキスト ボックス 727"/>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29" name="直線コネクタ 728"/>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30" name="テキスト ボックス 729"/>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31" name="直線コネクタ 730"/>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32" name="テキスト ボックス 731"/>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33" name="直線コネクタ 732"/>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34" name="テキスト ボックス 733"/>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35" name="直線コネクタ 734"/>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36" name="テキスト ボックス 735"/>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37" name="直線コネクタ 736"/>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38" name="テキスト ボックス 737"/>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39"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95250</xdr:rowOff>
    </xdr:from>
    <xdr:to>
      <xdr:col>116</xdr:col>
      <xdr:colOff>62864</xdr:colOff>
      <xdr:row>85</xdr:row>
      <xdr:rowOff>19050</xdr:rowOff>
    </xdr:to>
    <xdr:cxnSp macro="">
      <xdr:nvCxnSpPr>
        <xdr:cNvPr id="740" name="直線コネクタ 739"/>
        <xdr:cNvCxnSpPr/>
      </xdr:nvCxnSpPr>
      <xdr:spPr>
        <a:xfrm flipV="1">
          <a:off x="22160864" y="132969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22877</xdr:rowOff>
    </xdr:from>
    <xdr:ext cx="469744" cy="259045"/>
    <xdr:sp macro="" textlink="">
      <xdr:nvSpPr>
        <xdr:cNvPr id="741" name="【消防施設】&#10;一人当たり面積最小値テキスト"/>
        <xdr:cNvSpPr txBox="1"/>
      </xdr:nvSpPr>
      <xdr:spPr>
        <a:xfrm>
          <a:off x="22199600"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9050</xdr:rowOff>
    </xdr:from>
    <xdr:to>
      <xdr:col>116</xdr:col>
      <xdr:colOff>152400</xdr:colOff>
      <xdr:row>85</xdr:row>
      <xdr:rowOff>19050</xdr:rowOff>
    </xdr:to>
    <xdr:cxnSp macro="">
      <xdr:nvCxnSpPr>
        <xdr:cNvPr id="742" name="直線コネクタ 741"/>
        <xdr:cNvCxnSpPr/>
      </xdr:nvCxnSpPr>
      <xdr:spPr>
        <a:xfrm>
          <a:off x="22072600" y="14592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41927</xdr:rowOff>
    </xdr:from>
    <xdr:ext cx="469744" cy="259045"/>
    <xdr:sp macro="" textlink="">
      <xdr:nvSpPr>
        <xdr:cNvPr id="743" name="【消防施設】&#10;一人当たり面積最大値テキスト"/>
        <xdr:cNvSpPr txBox="1"/>
      </xdr:nvSpPr>
      <xdr:spPr>
        <a:xfrm>
          <a:off x="22199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95250</xdr:rowOff>
    </xdr:from>
    <xdr:to>
      <xdr:col>116</xdr:col>
      <xdr:colOff>152400</xdr:colOff>
      <xdr:row>77</xdr:row>
      <xdr:rowOff>95250</xdr:rowOff>
    </xdr:to>
    <xdr:cxnSp macro="">
      <xdr:nvCxnSpPr>
        <xdr:cNvPr id="744" name="直線コネクタ 743"/>
        <xdr:cNvCxnSpPr/>
      </xdr:nvCxnSpPr>
      <xdr:spPr>
        <a:xfrm>
          <a:off x="22072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0</xdr:row>
      <xdr:rowOff>105427</xdr:rowOff>
    </xdr:from>
    <xdr:ext cx="469744" cy="259045"/>
    <xdr:sp macro="" textlink="">
      <xdr:nvSpPr>
        <xdr:cNvPr id="745" name="【消防施設】&#10;一人当たり面積平均値テキスト"/>
        <xdr:cNvSpPr txBox="1"/>
      </xdr:nvSpPr>
      <xdr:spPr>
        <a:xfrm>
          <a:off x="22199600" y="13821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1</xdr:row>
      <xdr:rowOff>82550</xdr:rowOff>
    </xdr:from>
    <xdr:to>
      <xdr:col>116</xdr:col>
      <xdr:colOff>114300</xdr:colOff>
      <xdr:row>82</xdr:row>
      <xdr:rowOff>12700</xdr:rowOff>
    </xdr:to>
    <xdr:sp macro="" textlink="">
      <xdr:nvSpPr>
        <xdr:cNvPr id="746" name="フローチャート: 判断 745"/>
        <xdr:cNvSpPr/>
      </xdr:nvSpPr>
      <xdr:spPr>
        <a:xfrm>
          <a:off x="221107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1</xdr:row>
      <xdr:rowOff>120650</xdr:rowOff>
    </xdr:from>
    <xdr:to>
      <xdr:col>112</xdr:col>
      <xdr:colOff>38100</xdr:colOff>
      <xdr:row>82</xdr:row>
      <xdr:rowOff>50800</xdr:rowOff>
    </xdr:to>
    <xdr:sp macro="" textlink="">
      <xdr:nvSpPr>
        <xdr:cNvPr id="747" name="フローチャート: 判断 746"/>
        <xdr:cNvSpPr/>
      </xdr:nvSpPr>
      <xdr:spPr>
        <a:xfrm>
          <a:off x="21272500" y="140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1</xdr:row>
      <xdr:rowOff>82550</xdr:rowOff>
    </xdr:from>
    <xdr:to>
      <xdr:col>107</xdr:col>
      <xdr:colOff>101600</xdr:colOff>
      <xdr:row>82</xdr:row>
      <xdr:rowOff>12700</xdr:rowOff>
    </xdr:to>
    <xdr:sp macro="" textlink="">
      <xdr:nvSpPr>
        <xdr:cNvPr id="748" name="フローチャート: 判断 747"/>
        <xdr:cNvSpPr/>
      </xdr:nvSpPr>
      <xdr:spPr>
        <a:xfrm>
          <a:off x="203835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1</xdr:row>
      <xdr:rowOff>6350</xdr:rowOff>
    </xdr:from>
    <xdr:to>
      <xdr:col>102</xdr:col>
      <xdr:colOff>165100</xdr:colOff>
      <xdr:row>81</xdr:row>
      <xdr:rowOff>107950</xdr:rowOff>
    </xdr:to>
    <xdr:sp macro="" textlink="">
      <xdr:nvSpPr>
        <xdr:cNvPr id="749" name="フローチャート: 判断 748"/>
        <xdr:cNvSpPr/>
      </xdr:nvSpPr>
      <xdr:spPr>
        <a:xfrm>
          <a:off x="19494500" y="1389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50" name="テキスト ボックス 749"/>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51" name="テキスト ボックス 750"/>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52" name="テキスト ボックス 751"/>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53" name="テキスト ボックス 752"/>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54" name="テキスト ボックス 753"/>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755" name="楕円 754"/>
        <xdr:cNvSpPr/>
      </xdr:nvSpPr>
      <xdr:spPr>
        <a:xfrm>
          <a:off x="221107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22877</xdr:rowOff>
    </xdr:from>
    <xdr:ext cx="469744" cy="259045"/>
    <xdr:sp macro="" textlink="">
      <xdr:nvSpPr>
        <xdr:cNvPr id="756" name="【消防施設】&#10;一人当たり面積該当値テキスト"/>
        <xdr:cNvSpPr txBox="1"/>
      </xdr:nvSpPr>
      <xdr:spPr>
        <a:xfrm>
          <a:off x="22199600"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44450</xdr:rowOff>
    </xdr:from>
    <xdr:to>
      <xdr:col>112</xdr:col>
      <xdr:colOff>38100</xdr:colOff>
      <xdr:row>83</xdr:row>
      <xdr:rowOff>146050</xdr:rowOff>
    </xdr:to>
    <xdr:sp macro="" textlink="">
      <xdr:nvSpPr>
        <xdr:cNvPr id="757" name="楕円 756"/>
        <xdr:cNvSpPr/>
      </xdr:nvSpPr>
      <xdr:spPr>
        <a:xfrm>
          <a:off x="21272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95250</xdr:rowOff>
    </xdr:from>
    <xdr:to>
      <xdr:col>116</xdr:col>
      <xdr:colOff>63500</xdr:colOff>
      <xdr:row>83</xdr:row>
      <xdr:rowOff>95250</xdr:rowOff>
    </xdr:to>
    <xdr:cxnSp macro="">
      <xdr:nvCxnSpPr>
        <xdr:cNvPr id="758" name="直線コネクタ 757"/>
        <xdr:cNvCxnSpPr/>
      </xdr:nvCxnSpPr>
      <xdr:spPr>
        <a:xfrm>
          <a:off x="21323300" y="14325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82550</xdr:rowOff>
    </xdr:from>
    <xdr:to>
      <xdr:col>107</xdr:col>
      <xdr:colOff>101600</xdr:colOff>
      <xdr:row>84</xdr:row>
      <xdr:rowOff>12700</xdr:rowOff>
    </xdr:to>
    <xdr:sp macro="" textlink="">
      <xdr:nvSpPr>
        <xdr:cNvPr id="759" name="楕円 758"/>
        <xdr:cNvSpPr/>
      </xdr:nvSpPr>
      <xdr:spPr>
        <a:xfrm>
          <a:off x="20383500" y="1431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95250</xdr:rowOff>
    </xdr:from>
    <xdr:to>
      <xdr:col>111</xdr:col>
      <xdr:colOff>177800</xdr:colOff>
      <xdr:row>83</xdr:row>
      <xdr:rowOff>133350</xdr:rowOff>
    </xdr:to>
    <xdr:cxnSp macro="">
      <xdr:nvCxnSpPr>
        <xdr:cNvPr id="760" name="直線コネクタ 759"/>
        <xdr:cNvCxnSpPr/>
      </xdr:nvCxnSpPr>
      <xdr:spPr>
        <a:xfrm flipV="1">
          <a:off x="20434300" y="14325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6350</xdr:rowOff>
    </xdr:from>
    <xdr:to>
      <xdr:col>102</xdr:col>
      <xdr:colOff>165100</xdr:colOff>
      <xdr:row>83</xdr:row>
      <xdr:rowOff>107950</xdr:rowOff>
    </xdr:to>
    <xdr:sp macro="" textlink="">
      <xdr:nvSpPr>
        <xdr:cNvPr id="761" name="楕円 760"/>
        <xdr:cNvSpPr/>
      </xdr:nvSpPr>
      <xdr:spPr>
        <a:xfrm>
          <a:off x="19494500" y="1423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57150</xdr:rowOff>
    </xdr:from>
    <xdr:to>
      <xdr:col>107</xdr:col>
      <xdr:colOff>50800</xdr:colOff>
      <xdr:row>83</xdr:row>
      <xdr:rowOff>133350</xdr:rowOff>
    </xdr:to>
    <xdr:cxnSp macro="">
      <xdr:nvCxnSpPr>
        <xdr:cNvPr id="762" name="直線コネクタ 761"/>
        <xdr:cNvCxnSpPr/>
      </xdr:nvCxnSpPr>
      <xdr:spPr>
        <a:xfrm>
          <a:off x="19545300" y="14287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0</xdr:row>
      <xdr:rowOff>67327</xdr:rowOff>
    </xdr:from>
    <xdr:ext cx="469744" cy="259045"/>
    <xdr:sp macro="" textlink="">
      <xdr:nvSpPr>
        <xdr:cNvPr id="763" name="n_1aveValue【消防施設】&#10;一人当たり面積"/>
        <xdr:cNvSpPr txBox="1"/>
      </xdr:nvSpPr>
      <xdr:spPr>
        <a:xfrm>
          <a:off x="21075727" y="1378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0</xdr:row>
      <xdr:rowOff>29227</xdr:rowOff>
    </xdr:from>
    <xdr:ext cx="469744" cy="259045"/>
    <xdr:sp macro="" textlink="">
      <xdr:nvSpPr>
        <xdr:cNvPr id="764" name="n_2aveValue【消防施設】&#10;一人当たり面積"/>
        <xdr:cNvSpPr txBox="1"/>
      </xdr:nvSpPr>
      <xdr:spPr>
        <a:xfrm>
          <a:off x="20199427" y="1374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9</xdr:row>
      <xdr:rowOff>124477</xdr:rowOff>
    </xdr:from>
    <xdr:ext cx="469744" cy="259045"/>
    <xdr:sp macro="" textlink="">
      <xdr:nvSpPr>
        <xdr:cNvPr id="765" name="n_3aveValue【消防施設】&#10;一人当たり面積"/>
        <xdr:cNvSpPr txBox="1"/>
      </xdr:nvSpPr>
      <xdr:spPr>
        <a:xfrm>
          <a:off x="19310427" y="1366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3</xdr:row>
      <xdr:rowOff>137177</xdr:rowOff>
    </xdr:from>
    <xdr:ext cx="469744" cy="259045"/>
    <xdr:sp macro="" textlink="">
      <xdr:nvSpPr>
        <xdr:cNvPr id="766" name="n_1mainValue【消防施設】&#10;一人当たり面積"/>
        <xdr:cNvSpPr txBox="1"/>
      </xdr:nvSpPr>
      <xdr:spPr>
        <a:xfrm>
          <a:off x="210757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3827</xdr:rowOff>
    </xdr:from>
    <xdr:ext cx="469744" cy="259045"/>
    <xdr:sp macro="" textlink="">
      <xdr:nvSpPr>
        <xdr:cNvPr id="767" name="n_2mainValue【消防施設】&#10;一人当たり面積"/>
        <xdr:cNvSpPr txBox="1"/>
      </xdr:nvSpPr>
      <xdr:spPr>
        <a:xfrm>
          <a:off x="20199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99077</xdr:rowOff>
    </xdr:from>
    <xdr:ext cx="469744" cy="259045"/>
    <xdr:sp macro="" textlink="">
      <xdr:nvSpPr>
        <xdr:cNvPr id="768" name="n_3mainValue【消防施設】&#10;一人当たり面積"/>
        <xdr:cNvSpPr txBox="1"/>
      </xdr:nvSpPr>
      <xdr:spPr>
        <a:xfrm>
          <a:off x="193104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69" name="正方形/長方形 768"/>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70" name="正方形/長方形 769"/>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71" name="正方形/長方形 770"/>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72" name="正方形/長方形 771"/>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73" name="正方形/長方形 772"/>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74" name="正方形/長方形 773"/>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75" name="正方形/長方形 774"/>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76" name="正方形/長方形 775"/>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77" name="テキスト ボックス 776"/>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78" name="直線コネクタ 777"/>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779" name="テキスト ボックス 778"/>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80" name="直線コネクタ 779"/>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81" name="テキスト ボックス 780"/>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82" name="直線コネクタ 781"/>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83" name="テキスト ボックス 782"/>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84" name="直線コネクタ 783"/>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85" name="テキスト ボックス 784"/>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86" name="直線コネクタ 785"/>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87" name="テキスト ボックス 786"/>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8" name="直線コネクタ 787"/>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789" name="テキスト ボックス 788"/>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90"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57913</xdr:rowOff>
    </xdr:from>
    <xdr:to>
      <xdr:col>85</xdr:col>
      <xdr:colOff>126364</xdr:colOff>
      <xdr:row>108</xdr:row>
      <xdr:rowOff>89915</xdr:rowOff>
    </xdr:to>
    <xdr:cxnSp macro="">
      <xdr:nvCxnSpPr>
        <xdr:cNvPr id="791" name="直線コネクタ 790"/>
        <xdr:cNvCxnSpPr/>
      </xdr:nvCxnSpPr>
      <xdr:spPr>
        <a:xfrm flipV="1">
          <a:off x="16318864" y="17202913"/>
          <a:ext cx="0" cy="1403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93742</xdr:rowOff>
    </xdr:from>
    <xdr:ext cx="405111" cy="259045"/>
    <xdr:sp macro="" textlink="">
      <xdr:nvSpPr>
        <xdr:cNvPr id="792" name="【庁舎】&#10;有形固定資産減価償却率最小値テキスト"/>
        <xdr:cNvSpPr txBox="1"/>
      </xdr:nvSpPr>
      <xdr:spPr>
        <a:xfrm>
          <a:off x="16357600" y="18610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89915</xdr:rowOff>
    </xdr:from>
    <xdr:to>
      <xdr:col>86</xdr:col>
      <xdr:colOff>25400</xdr:colOff>
      <xdr:row>108</xdr:row>
      <xdr:rowOff>89915</xdr:rowOff>
    </xdr:to>
    <xdr:cxnSp macro="">
      <xdr:nvCxnSpPr>
        <xdr:cNvPr id="793" name="直線コネクタ 792"/>
        <xdr:cNvCxnSpPr/>
      </xdr:nvCxnSpPr>
      <xdr:spPr>
        <a:xfrm>
          <a:off x="16230600" y="18606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4590</xdr:rowOff>
    </xdr:from>
    <xdr:ext cx="405111" cy="259045"/>
    <xdr:sp macro="" textlink="">
      <xdr:nvSpPr>
        <xdr:cNvPr id="794" name="【庁舎】&#10;有形固定資産減価償却率最大値テキスト"/>
        <xdr:cNvSpPr txBox="1"/>
      </xdr:nvSpPr>
      <xdr:spPr>
        <a:xfrm>
          <a:off x="16357600" y="16978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57913</xdr:rowOff>
    </xdr:from>
    <xdr:to>
      <xdr:col>86</xdr:col>
      <xdr:colOff>25400</xdr:colOff>
      <xdr:row>100</xdr:row>
      <xdr:rowOff>57913</xdr:rowOff>
    </xdr:to>
    <xdr:cxnSp macro="">
      <xdr:nvCxnSpPr>
        <xdr:cNvPr id="795" name="直線コネクタ 794"/>
        <xdr:cNvCxnSpPr/>
      </xdr:nvCxnSpPr>
      <xdr:spPr>
        <a:xfrm>
          <a:off x="16230600" y="17202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2557</xdr:rowOff>
    </xdr:from>
    <xdr:ext cx="405111" cy="259045"/>
    <xdr:sp macro="" textlink="">
      <xdr:nvSpPr>
        <xdr:cNvPr id="796" name="【庁舎】&#10;有形固定資産減価償却率平均値テキスト"/>
        <xdr:cNvSpPr txBox="1"/>
      </xdr:nvSpPr>
      <xdr:spPr>
        <a:xfrm>
          <a:off x="16357600" y="17661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1130</xdr:rowOff>
    </xdr:from>
    <xdr:to>
      <xdr:col>85</xdr:col>
      <xdr:colOff>177800</xdr:colOff>
      <xdr:row>104</xdr:row>
      <xdr:rowOff>81280</xdr:rowOff>
    </xdr:to>
    <xdr:sp macro="" textlink="">
      <xdr:nvSpPr>
        <xdr:cNvPr id="797" name="フローチャート: 判断 796"/>
        <xdr:cNvSpPr/>
      </xdr:nvSpPr>
      <xdr:spPr>
        <a:xfrm>
          <a:off x="16268700" y="1781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9972</xdr:rowOff>
    </xdr:from>
    <xdr:to>
      <xdr:col>81</xdr:col>
      <xdr:colOff>101600</xdr:colOff>
      <xdr:row>104</xdr:row>
      <xdr:rowOff>131572</xdr:rowOff>
    </xdr:to>
    <xdr:sp macro="" textlink="">
      <xdr:nvSpPr>
        <xdr:cNvPr id="798" name="フローチャート: 判断 797"/>
        <xdr:cNvSpPr/>
      </xdr:nvSpPr>
      <xdr:spPr>
        <a:xfrm>
          <a:off x="15430500" y="1786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07696</xdr:rowOff>
    </xdr:from>
    <xdr:to>
      <xdr:col>76</xdr:col>
      <xdr:colOff>165100</xdr:colOff>
      <xdr:row>105</xdr:row>
      <xdr:rowOff>37846</xdr:rowOff>
    </xdr:to>
    <xdr:sp macro="" textlink="">
      <xdr:nvSpPr>
        <xdr:cNvPr id="799" name="フローチャート: 判断 798"/>
        <xdr:cNvSpPr/>
      </xdr:nvSpPr>
      <xdr:spPr>
        <a:xfrm>
          <a:off x="14541500" y="17938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89408</xdr:rowOff>
    </xdr:from>
    <xdr:to>
      <xdr:col>72</xdr:col>
      <xdr:colOff>38100</xdr:colOff>
      <xdr:row>103</xdr:row>
      <xdr:rowOff>19558</xdr:rowOff>
    </xdr:to>
    <xdr:sp macro="" textlink="">
      <xdr:nvSpPr>
        <xdr:cNvPr id="800" name="フローチャート: 判断 799"/>
        <xdr:cNvSpPr/>
      </xdr:nvSpPr>
      <xdr:spPr>
        <a:xfrm>
          <a:off x="13652500" y="17577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01" name="テキスト ボックス 80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02" name="テキスト ボックス 80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03" name="テキスト ボックス 80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04" name="テキスト ボックス 80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05" name="テキスト ボックス 80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25985</xdr:rowOff>
    </xdr:from>
    <xdr:to>
      <xdr:col>85</xdr:col>
      <xdr:colOff>177800</xdr:colOff>
      <xdr:row>105</xdr:row>
      <xdr:rowOff>56135</xdr:rowOff>
    </xdr:to>
    <xdr:sp macro="" textlink="">
      <xdr:nvSpPr>
        <xdr:cNvPr id="806" name="楕円 805"/>
        <xdr:cNvSpPr/>
      </xdr:nvSpPr>
      <xdr:spPr>
        <a:xfrm>
          <a:off x="16268700" y="17956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04412</xdr:rowOff>
    </xdr:from>
    <xdr:ext cx="405111" cy="259045"/>
    <xdr:sp macro="" textlink="">
      <xdr:nvSpPr>
        <xdr:cNvPr id="807" name="【庁舎】&#10;有形固定資産減価償却率該当値テキスト"/>
        <xdr:cNvSpPr txBox="1"/>
      </xdr:nvSpPr>
      <xdr:spPr>
        <a:xfrm>
          <a:off x="16357600" y="1793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45974</xdr:rowOff>
    </xdr:from>
    <xdr:to>
      <xdr:col>81</xdr:col>
      <xdr:colOff>101600</xdr:colOff>
      <xdr:row>105</xdr:row>
      <xdr:rowOff>147574</xdr:rowOff>
    </xdr:to>
    <xdr:sp macro="" textlink="">
      <xdr:nvSpPr>
        <xdr:cNvPr id="808" name="楕円 807"/>
        <xdr:cNvSpPr/>
      </xdr:nvSpPr>
      <xdr:spPr>
        <a:xfrm>
          <a:off x="15430500" y="18048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5335</xdr:rowOff>
    </xdr:from>
    <xdr:to>
      <xdr:col>85</xdr:col>
      <xdr:colOff>127000</xdr:colOff>
      <xdr:row>105</xdr:row>
      <xdr:rowOff>96774</xdr:rowOff>
    </xdr:to>
    <xdr:cxnSp macro="">
      <xdr:nvCxnSpPr>
        <xdr:cNvPr id="809" name="直線コネクタ 808"/>
        <xdr:cNvCxnSpPr/>
      </xdr:nvCxnSpPr>
      <xdr:spPr>
        <a:xfrm flipV="1">
          <a:off x="15481300" y="18007585"/>
          <a:ext cx="8382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14554</xdr:rowOff>
    </xdr:from>
    <xdr:to>
      <xdr:col>76</xdr:col>
      <xdr:colOff>165100</xdr:colOff>
      <xdr:row>106</xdr:row>
      <xdr:rowOff>44704</xdr:rowOff>
    </xdr:to>
    <xdr:sp macro="" textlink="">
      <xdr:nvSpPr>
        <xdr:cNvPr id="810" name="楕円 809"/>
        <xdr:cNvSpPr/>
      </xdr:nvSpPr>
      <xdr:spPr>
        <a:xfrm>
          <a:off x="14541500" y="1811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96774</xdr:rowOff>
    </xdr:from>
    <xdr:to>
      <xdr:col>81</xdr:col>
      <xdr:colOff>50800</xdr:colOff>
      <xdr:row>105</xdr:row>
      <xdr:rowOff>165354</xdr:rowOff>
    </xdr:to>
    <xdr:cxnSp macro="">
      <xdr:nvCxnSpPr>
        <xdr:cNvPr id="811" name="直線コネクタ 810"/>
        <xdr:cNvCxnSpPr/>
      </xdr:nvCxnSpPr>
      <xdr:spPr>
        <a:xfrm flipV="1">
          <a:off x="14592300" y="18099024"/>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7113</xdr:rowOff>
    </xdr:from>
    <xdr:to>
      <xdr:col>72</xdr:col>
      <xdr:colOff>38100</xdr:colOff>
      <xdr:row>106</xdr:row>
      <xdr:rowOff>108713</xdr:rowOff>
    </xdr:to>
    <xdr:sp macro="" textlink="">
      <xdr:nvSpPr>
        <xdr:cNvPr id="812" name="楕円 811"/>
        <xdr:cNvSpPr/>
      </xdr:nvSpPr>
      <xdr:spPr>
        <a:xfrm>
          <a:off x="13652500" y="18180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65354</xdr:rowOff>
    </xdr:from>
    <xdr:to>
      <xdr:col>76</xdr:col>
      <xdr:colOff>114300</xdr:colOff>
      <xdr:row>106</xdr:row>
      <xdr:rowOff>57913</xdr:rowOff>
    </xdr:to>
    <xdr:cxnSp macro="">
      <xdr:nvCxnSpPr>
        <xdr:cNvPr id="813" name="直線コネクタ 812"/>
        <xdr:cNvCxnSpPr/>
      </xdr:nvCxnSpPr>
      <xdr:spPr>
        <a:xfrm flipV="1">
          <a:off x="13703300" y="18167604"/>
          <a:ext cx="889000" cy="64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48099</xdr:rowOff>
    </xdr:from>
    <xdr:ext cx="405111" cy="259045"/>
    <xdr:sp macro="" textlink="">
      <xdr:nvSpPr>
        <xdr:cNvPr id="814" name="n_1aveValue【庁舎】&#10;有形固定資産減価償却率"/>
        <xdr:cNvSpPr txBox="1"/>
      </xdr:nvSpPr>
      <xdr:spPr>
        <a:xfrm>
          <a:off x="15266044" y="17635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54373</xdr:rowOff>
    </xdr:from>
    <xdr:ext cx="405111" cy="259045"/>
    <xdr:sp macro="" textlink="">
      <xdr:nvSpPr>
        <xdr:cNvPr id="815" name="n_2aveValue【庁舎】&#10;有形固定資産減価償却率"/>
        <xdr:cNvSpPr txBox="1"/>
      </xdr:nvSpPr>
      <xdr:spPr>
        <a:xfrm>
          <a:off x="14389744" y="177137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36085</xdr:rowOff>
    </xdr:from>
    <xdr:ext cx="405111" cy="259045"/>
    <xdr:sp macro="" textlink="">
      <xdr:nvSpPr>
        <xdr:cNvPr id="816" name="n_3aveValue【庁舎】&#10;有形固定資産減価償却率"/>
        <xdr:cNvSpPr txBox="1"/>
      </xdr:nvSpPr>
      <xdr:spPr>
        <a:xfrm>
          <a:off x="13500744" y="17352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38701</xdr:rowOff>
    </xdr:from>
    <xdr:ext cx="405111" cy="259045"/>
    <xdr:sp macro="" textlink="">
      <xdr:nvSpPr>
        <xdr:cNvPr id="817" name="n_1mainValue【庁舎】&#10;有形固定資産減価償却率"/>
        <xdr:cNvSpPr txBox="1"/>
      </xdr:nvSpPr>
      <xdr:spPr>
        <a:xfrm>
          <a:off x="15266044" y="181409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35831</xdr:rowOff>
    </xdr:from>
    <xdr:ext cx="405111" cy="259045"/>
    <xdr:sp macro="" textlink="">
      <xdr:nvSpPr>
        <xdr:cNvPr id="818" name="n_2mainValue【庁舎】&#10;有形固定資産減価償却率"/>
        <xdr:cNvSpPr txBox="1"/>
      </xdr:nvSpPr>
      <xdr:spPr>
        <a:xfrm>
          <a:off x="14389744" y="18209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99840</xdr:rowOff>
    </xdr:from>
    <xdr:ext cx="405111" cy="259045"/>
    <xdr:sp macro="" textlink="">
      <xdr:nvSpPr>
        <xdr:cNvPr id="819" name="n_3mainValue【庁舎】&#10;有形固定資産減価償却率"/>
        <xdr:cNvSpPr txBox="1"/>
      </xdr:nvSpPr>
      <xdr:spPr>
        <a:xfrm>
          <a:off x="13500744" y="18273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20" name="正方形/長方形 81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21" name="正方形/長方形 820"/>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22" name="正方形/長方形 821"/>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23" name="正方形/長方形 822"/>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24" name="正方形/長方形 823"/>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25" name="正方形/長方形 824"/>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26" name="正方形/長方形 825"/>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27" name="正方形/長方形 826"/>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28" name="テキスト ボックス 827"/>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29" name="直線コネクタ 828"/>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830" name="テキスト ボックス 829"/>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76200</xdr:rowOff>
    </xdr:from>
    <xdr:to>
      <xdr:col>120</xdr:col>
      <xdr:colOff>114300</xdr:colOff>
      <xdr:row>109</xdr:row>
      <xdr:rowOff>76200</xdr:rowOff>
    </xdr:to>
    <xdr:cxnSp macro="">
      <xdr:nvCxnSpPr>
        <xdr:cNvPr id="831" name="直線コネクタ 830"/>
        <xdr:cNvCxnSpPr/>
      </xdr:nvCxnSpPr>
      <xdr:spPr>
        <a:xfrm>
          <a:off x="18288000" y="1876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5427</xdr:rowOff>
    </xdr:from>
    <xdr:ext cx="467179" cy="259045"/>
    <xdr:sp macro="" textlink="">
      <xdr:nvSpPr>
        <xdr:cNvPr id="832" name="テキスト ボックス 831"/>
        <xdr:cNvSpPr txBox="1"/>
      </xdr:nvSpPr>
      <xdr:spPr>
        <a:xfrm>
          <a:off x="17820821" y="18622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133350</xdr:rowOff>
    </xdr:from>
    <xdr:to>
      <xdr:col>120</xdr:col>
      <xdr:colOff>114300</xdr:colOff>
      <xdr:row>107</xdr:row>
      <xdr:rowOff>133350</xdr:rowOff>
    </xdr:to>
    <xdr:cxnSp macro="">
      <xdr:nvCxnSpPr>
        <xdr:cNvPr id="833" name="直線コネクタ 832"/>
        <xdr:cNvCxnSpPr/>
      </xdr:nvCxnSpPr>
      <xdr:spPr>
        <a:xfrm>
          <a:off x="18288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162577</xdr:rowOff>
    </xdr:from>
    <xdr:ext cx="467179" cy="259045"/>
    <xdr:sp macro="" textlink="">
      <xdr:nvSpPr>
        <xdr:cNvPr id="834" name="テキスト ボックス 833"/>
        <xdr:cNvSpPr txBox="1"/>
      </xdr:nvSpPr>
      <xdr:spPr>
        <a:xfrm>
          <a:off x="17820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9050</xdr:rowOff>
    </xdr:from>
    <xdr:to>
      <xdr:col>120</xdr:col>
      <xdr:colOff>114300</xdr:colOff>
      <xdr:row>106</xdr:row>
      <xdr:rowOff>19050</xdr:rowOff>
    </xdr:to>
    <xdr:cxnSp macro="">
      <xdr:nvCxnSpPr>
        <xdr:cNvPr id="835" name="直線コネクタ 834"/>
        <xdr:cNvCxnSpPr/>
      </xdr:nvCxnSpPr>
      <xdr:spPr>
        <a:xfrm>
          <a:off x="18288000" y="1819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48277</xdr:rowOff>
    </xdr:from>
    <xdr:ext cx="467179" cy="259045"/>
    <xdr:sp macro="" textlink="">
      <xdr:nvSpPr>
        <xdr:cNvPr id="836" name="テキスト ボックス 835"/>
        <xdr:cNvSpPr txBox="1"/>
      </xdr:nvSpPr>
      <xdr:spPr>
        <a:xfrm>
          <a:off x="17820821" y="1805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37" name="直線コネクタ 836"/>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38" name="テキスト ボックス 837"/>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133350</xdr:rowOff>
    </xdr:from>
    <xdr:to>
      <xdr:col>120</xdr:col>
      <xdr:colOff>114300</xdr:colOff>
      <xdr:row>102</xdr:row>
      <xdr:rowOff>133350</xdr:rowOff>
    </xdr:to>
    <xdr:cxnSp macro="">
      <xdr:nvCxnSpPr>
        <xdr:cNvPr id="839" name="直線コネクタ 838"/>
        <xdr:cNvCxnSpPr/>
      </xdr:nvCxnSpPr>
      <xdr:spPr>
        <a:xfrm>
          <a:off x="18288000" y="1762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162577</xdr:rowOff>
    </xdr:from>
    <xdr:ext cx="467179" cy="259045"/>
    <xdr:sp macro="" textlink="">
      <xdr:nvSpPr>
        <xdr:cNvPr id="840" name="テキスト ボックス 839"/>
        <xdr:cNvSpPr txBox="1"/>
      </xdr:nvSpPr>
      <xdr:spPr>
        <a:xfrm>
          <a:off x="17820821" y="1747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9050</xdr:rowOff>
    </xdr:from>
    <xdr:to>
      <xdr:col>120</xdr:col>
      <xdr:colOff>114300</xdr:colOff>
      <xdr:row>101</xdr:row>
      <xdr:rowOff>19050</xdr:rowOff>
    </xdr:to>
    <xdr:cxnSp macro="">
      <xdr:nvCxnSpPr>
        <xdr:cNvPr id="841" name="直線コネクタ 840"/>
        <xdr:cNvCxnSpPr/>
      </xdr:nvCxnSpPr>
      <xdr:spPr>
        <a:xfrm>
          <a:off x="18288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48277</xdr:rowOff>
    </xdr:from>
    <xdr:ext cx="467179" cy="259045"/>
    <xdr:sp macro="" textlink="">
      <xdr:nvSpPr>
        <xdr:cNvPr id="842" name="テキスト ボックス 841"/>
        <xdr:cNvSpPr txBox="1"/>
      </xdr:nvSpPr>
      <xdr:spPr>
        <a:xfrm>
          <a:off x="17820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76200</xdr:rowOff>
    </xdr:from>
    <xdr:to>
      <xdr:col>120</xdr:col>
      <xdr:colOff>114300</xdr:colOff>
      <xdr:row>99</xdr:row>
      <xdr:rowOff>76200</xdr:rowOff>
    </xdr:to>
    <xdr:cxnSp macro="">
      <xdr:nvCxnSpPr>
        <xdr:cNvPr id="843" name="直線コネクタ 842"/>
        <xdr:cNvCxnSpPr/>
      </xdr:nvCxnSpPr>
      <xdr:spPr>
        <a:xfrm>
          <a:off x="18288000" y="1704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05427</xdr:rowOff>
    </xdr:from>
    <xdr:ext cx="467179" cy="259045"/>
    <xdr:sp macro="" textlink="">
      <xdr:nvSpPr>
        <xdr:cNvPr id="844" name="テキスト ボックス 843"/>
        <xdr:cNvSpPr txBox="1"/>
      </xdr:nvSpPr>
      <xdr:spPr>
        <a:xfrm>
          <a:off x="17820821" y="16907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45" name="直線コネクタ 844"/>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46" name="テキスト ボックス 845"/>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47"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5250</xdr:rowOff>
    </xdr:from>
    <xdr:to>
      <xdr:col>116</xdr:col>
      <xdr:colOff>62864</xdr:colOff>
      <xdr:row>108</xdr:row>
      <xdr:rowOff>57150</xdr:rowOff>
    </xdr:to>
    <xdr:cxnSp macro="">
      <xdr:nvCxnSpPr>
        <xdr:cNvPr id="848" name="直線コネクタ 847"/>
        <xdr:cNvCxnSpPr/>
      </xdr:nvCxnSpPr>
      <xdr:spPr>
        <a:xfrm flipV="1">
          <a:off x="22160864" y="1724025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60977</xdr:rowOff>
    </xdr:from>
    <xdr:ext cx="469744" cy="259045"/>
    <xdr:sp macro="" textlink="">
      <xdr:nvSpPr>
        <xdr:cNvPr id="849" name="【庁舎】&#10;一人当たり面積最小値テキスト"/>
        <xdr:cNvSpPr txBox="1"/>
      </xdr:nvSpPr>
      <xdr:spPr>
        <a:xfrm>
          <a:off x="22199600" y="1857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7150</xdr:rowOff>
    </xdr:from>
    <xdr:to>
      <xdr:col>116</xdr:col>
      <xdr:colOff>152400</xdr:colOff>
      <xdr:row>108</xdr:row>
      <xdr:rowOff>57150</xdr:rowOff>
    </xdr:to>
    <xdr:cxnSp macro="">
      <xdr:nvCxnSpPr>
        <xdr:cNvPr id="850" name="直線コネクタ 849"/>
        <xdr:cNvCxnSpPr/>
      </xdr:nvCxnSpPr>
      <xdr:spPr>
        <a:xfrm>
          <a:off x="22072600" y="18573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1927</xdr:rowOff>
    </xdr:from>
    <xdr:ext cx="469744" cy="259045"/>
    <xdr:sp macro="" textlink="">
      <xdr:nvSpPr>
        <xdr:cNvPr id="851" name="【庁舎】&#10;一人当たり面積最大値テキスト"/>
        <xdr:cNvSpPr txBox="1"/>
      </xdr:nvSpPr>
      <xdr:spPr>
        <a:xfrm>
          <a:off x="22199600" y="17015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5250</xdr:rowOff>
    </xdr:from>
    <xdr:to>
      <xdr:col>116</xdr:col>
      <xdr:colOff>152400</xdr:colOff>
      <xdr:row>100</xdr:row>
      <xdr:rowOff>95250</xdr:rowOff>
    </xdr:to>
    <xdr:cxnSp macro="">
      <xdr:nvCxnSpPr>
        <xdr:cNvPr id="852" name="直線コネクタ 851"/>
        <xdr:cNvCxnSpPr/>
      </xdr:nvCxnSpPr>
      <xdr:spPr>
        <a:xfrm>
          <a:off x="22072600" y="17240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86377</xdr:rowOff>
    </xdr:from>
    <xdr:ext cx="469744" cy="259045"/>
    <xdr:sp macro="" textlink="">
      <xdr:nvSpPr>
        <xdr:cNvPr id="853" name="【庁舎】&#10;一人当たり面積平均値テキスト"/>
        <xdr:cNvSpPr txBox="1"/>
      </xdr:nvSpPr>
      <xdr:spPr>
        <a:xfrm>
          <a:off x="22199600" y="179171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3500</xdr:rowOff>
    </xdr:from>
    <xdr:to>
      <xdr:col>116</xdr:col>
      <xdr:colOff>114300</xdr:colOff>
      <xdr:row>105</xdr:row>
      <xdr:rowOff>165100</xdr:rowOff>
    </xdr:to>
    <xdr:sp macro="" textlink="">
      <xdr:nvSpPr>
        <xdr:cNvPr id="854" name="フローチャート: 判断 853"/>
        <xdr:cNvSpPr/>
      </xdr:nvSpPr>
      <xdr:spPr>
        <a:xfrm>
          <a:off x="22110700" y="1806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3025</xdr:rowOff>
    </xdr:from>
    <xdr:to>
      <xdr:col>112</xdr:col>
      <xdr:colOff>38100</xdr:colOff>
      <xdr:row>106</xdr:row>
      <xdr:rowOff>3175</xdr:rowOff>
    </xdr:to>
    <xdr:sp macro="" textlink="">
      <xdr:nvSpPr>
        <xdr:cNvPr id="855" name="フローチャート: 判断 854"/>
        <xdr:cNvSpPr/>
      </xdr:nvSpPr>
      <xdr:spPr>
        <a:xfrm>
          <a:off x="21272500" y="18075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0175</xdr:rowOff>
    </xdr:from>
    <xdr:to>
      <xdr:col>107</xdr:col>
      <xdr:colOff>101600</xdr:colOff>
      <xdr:row>106</xdr:row>
      <xdr:rowOff>60325</xdr:rowOff>
    </xdr:to>
    <xdr:sp macro="" textlink="">
      <xdr:nvSpPr>
        <xdr:cNvPr id="856" name="フローチャート: 判断 855"/>
        <xdr:cNvSpPr/>
      </xdr:nvSpPr>
      <xdr:spPr>
        <a:xfrm>
          <a:off x="20383500" y="18132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3025</xdr:rowOff>
    </xdr:from>
    <xdr:to>
      <xdr:col>102</xdr:col>
      <xdr:colOff>165100</xdr:colOff>
      <xdr:row>106</xdr:row>
      <xdr:rowOff>3175</xdr:rowOff>
    </xdr:to>
    <xdr:sp macro="" textlink="">
      <xdr:nvSpPr>
        <xdr:cNvPr id="857" name="フローチャート: 判断 856"/>
        <xdr:cNvSpPr/>
      </xdr:nvSpPr>
      <xdr:spPr>
        <a:xfrm>
          <a:off x="19494500" y="18075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58" name="テキスト ボックス 857"/>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59" name="テキスト ボックス 858"/>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60" name="テキスト ボックス 859"/>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61" name="テキスト ボックス 860"/>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62" name="テキスト ボックス 861"/>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6350</xdr:rowOff>
    </xdr:from>
    <xdr:to>
      <xdr:col>116</xdr:col>
      <xdr:colOff>114300</xdr:colOff>
      <xdr:row>108</xdr:row>
      <xdr:rowOff>107950</xdr:rowOff>
    </xdr:to>
    <xdr:sp macro="" textlink="">
      <xdr:nvSpPr>
        <xdr:cNvPr id="863" name="楕円 862"/>
        <xdr:cNvSpPr/>
      </xdr:nvSpPr>
      <xdr:spPr>
        <a:xfrm>
          <a:off x="22110700" y="18522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92727</xdr:rowOff>
    </xdr:from>
    <xdr:ext cx="469744" cy="259045"/>
    <xdr:sp macro="" textlink="">
      <xdr:nvSpPr>
        <xdr:cNvPr id="864" name="【庁舎】&#10;一人当たり面積該当値テキスト"/>
        <xdr:cNvSpPr txBox="1"/>
      </xdr:nvSpPr>
      <xdr:spPr>
        <a:xfrm>
          <a:off x="22199600" y="18437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68275</xdr:rowOff>
    </xdr:from>
    <xdr:to>
      <xdr:col>112</xdr:col>
      <xdr:colOff>38100</xdr:colOff>
      <xdr:row>108</xdr:row>
      <xdr:rowOff>98425</xdr:rowOff>
    </xdr:to>
    <xdr:sp macro="" textlink="">
      <xdr:nvSpPr>
        <xdr:cNvPr id="865" name="楕円 864"/>
        <xdr:cNvSpPr/>
      </xdr:nvSpPr>
      <xdr:spPr>
        <a:xfrm>
          <a:off x="21272500" y="18513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47625</xdr:rowOff>
    </xdr:from>
    <xdr:to>
      <xdr:col>116</xdr:col>
      <xdr:colOff>63500</xdr:colOff>
      <xdr:row>108</xdr:row>
      <xdr:rowOff>57150</xdr:rowOff>
    </xdr:to>
    <xdr:cxnSp macro="">
      <xdr:nvCxnSpPr>
        <xdr:cNvPr id="866" name="直線コネクタ 865"/>
        <xdr:cNvCxnSpPr/>
      </xdr:nvCxnSpPr>
      <xdr:spPr>
        <a:xfrm>
          <a:off x="21323300" y="18564225"/>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92075</xdr:rowOff>
    </xdr:from>
    <xdr:to>
      <xdr:col>107</xdr:col>
      <xdr:colOff>101600</xdr:colOff>
      <xdr:row>108</xdr:row>
      <xdr:rowOff>22225</xdr:rowOff>
    </xdr:to>
    <xdr:sp macro="" textlink="">
      <xdr:nvSpPr>
        <xdr:cNvPr id="867" name="楕円 866"/>
        <xdr:cNvSpPr/>
      </xdr:nvSpPr>
      <xdr:spPr>
        <a:xfrm>
          <a:off x="20383500" y="18437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42875</xdr:rowOff>
    </xdr:from>
    <xdr:to>
      <xdr:col>111</xdr:col>
      <xdr:colOff>177800</xdr:colOff>
      <xdr:row>108</xdr:row>
      <xdr:rowOff>47625</xdr:rowOff>
    </xdr:to>
    <xdr:cxnSp macro="">
      <xdr:nvCxnSpPr>
        <xdr:cNvPr id="868" name="直線コネクタ 867"/>
        <xdr:cNvCxnSpPr/>
      </xdr:nvCxnSpPr>
      <xdr:spPr>
        <a:xfrm>
          <a:off x="20434300" y="18488025"/>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82550</xdr:rowOff>
    </xdr:from>
    <xdr:to>
      <xdr:col>102</xdr:col>
      <xdr:colOff>165100</xdr:colOff>
      <xdr:row>108</xdr:row>
      <xdr:rowOff>12700</xdr:rowOff>
    </xdr:to>
    <xdr:sp macro="" textlink="">
      <xdr:nvSpPr>
        <xdr:cNvPr id="869" name="楕円 868"/>
        <xdr:cNvSpPr/>
      </xdr:nvSpPr>
      <xdr:spPr>
        <a:xfrm>
          <a:off x="19494500" y="1842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33350</xdr:rowOff>
    </xdr:from>
    <xdr:to>
      <xdr:col>107</xdr:col>
      <xdr:colOff>50800</xdr:colOff>
      <xdr:row>107</xdr:row>
      <xdr:rowOff>142875</xdr:rowOff>
    </xdr:to>
    <xdr:cxnSp macro="">
      <xdr:nvCxnSpPr>
        <xdr:cNvPr id="870" name="直線コネクタ 869"/>
        <xdr:cNvCxnSpPr/>
      </xdr:nvCxnSpPr>
      <xdr:spPr>
        <a:xfrm>
          <a:off x="19545300" y="1847850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9702</xdr:rowOff>
    </xdr:from>
    <xdr:ext cx="469744" cy="259045"/>
    <xdr:sp macro="" textlink="">
      <xdr:nvSpPr>
        <xdr:cNvPr id="871" name="n_1aveValue【庁舎】&#10;一人当たり面積"/>
        <xdr:cNvSpPr txBox="1"/>
      </xdr:nvSpPr>
      <xdr:spPr>
        <a:xfrm>
          <a:off x="21075727" y="1785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76852</xdr:rowOff>
    </xdr:from>
    <xdr:ext cx="469744" cy="259045"/>
    <xdr:sp macro="" textlink="">
      <xdr:nvSpPr>
        <xdr:cNvPr id="872" name="n_2aveValue【庁舎】&#10;一人当たり面積"/>
        <xdr:cNvSpPr txBox="1"/>
      </xdr:nvSpPr>
      <xdr:spPr>
        <a:xfrm>
          <a:off x="20199427" y="17907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9702</xdr:rowOff>
    </xdr:from>
    <xdr:ext cx="469744" cy="259045"/>
    <xdr:sp macro="" textlink="">
      <xdr:nvSpPr>
        <xdr:cNvPr id="873" name="n_3aveValue【庁舎】&#10;一人当たり面積"/>
        <xdr:cNvSpPr txBox="1"/>
      </xdr:nvSpPr>
      <xdr:spPr>
        <a:xfrm>
          <a:off x="19310427" y="1785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89552</xdr:rowOff>
    </xdr:from>
    <xdr:ext cx="469744" cy="259045"/>
    <xdr:sp macro="" textlink="">
      <xdr:nvSpPr>
        <xdr:cNvPr id="874" name="n_1mainValue【庁舎】&#10;一人当たり面積"/>
        <xdr:cNvSpPr txBox="1"/>
      </xdr:nvSpPr>
      <xdr:spPr>
        <a:xfrm>
          <a:off x="21075727" y="18606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3352</xdr:rowOff>
    </xdr:from>
    <xdr:ext cx="469744" cy="259045"/>
    <xdr:sp macro="" textlink="">
      <xdr:nvSpPr>
        <xdr:cNvPr id="875" name="n_2mainValue【庁舎】&#10;一人当たり面積"/>
        <xdr:cNvSpPr txBox="1"/>
      </xdr:nvSpPr>
      <xdr:spPr>
        <a:xfrm>
          <a:off x="20199427" y="18529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3827</xdr:rowOff>
    </xdr:from>
    <xdr:ext cx="469744" cy="259045"/>
    <xdr:sp macro="" textlink="">
      <xdr:nvSpPr>
        <xdr:cNvPr id="876" name="n_3mainValue【庁舎】&#10;一人当たり面積"/>
        <xdr:cNvSpPr txBox="1"/>
      </xdr:nvSpPr>
      <xdr:spPr>
        <a:xfrm>
          <a:off x="19310427" y="1852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77" name="正方形/長方形 87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78" name="正方形/長方形 87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79" name="テキスト ボックス 87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上記８類型全てが前年度比上昇しており、類似団体の平均と比べると、一般廃棄物処理施設及び保健センター・保健所が上回っている一方、他の施設は類似団体平均を下回っている。</a:t>
          </a:r>
        </a:p>
        <a:p>
          <a:r>
            <a:rPr kumimoji="1" lang="ja-JP" altLang="en-US" sz="1300">
              <a:latin typeface="ＭＳ Ｐゴシック" panose="020B0600070205080204" pitchFamily="50" charset="-128"/>
              <a:ea typeface="ＭＳ Ｐゴシック" panose="020B0600070205080204" pitchFamily="50" charset="-128"/>
            </a:rPr>
            <a:t>　本市の公共建築物は１０年後に約７割が築３０年以上になることが想定され、「老朽化への対応」が求められている。また、将来的な人口減少等による税収減少の懸念等から、「施設存続の可否の判断」に係る手法の検討等も必要である。更には、市民ニーズの多様化等に伴い、公共施設に対する「ニーズの変化への対応」も今後一層求められてくる。</a:t>
          </a:r>
        </a:p>
        <a:p>
          <a:r>
            <a:rPr kumimoji="1" lang="ja-JP" altLang="en-US" sz="1300">
              <a:latin typeface="ＭＳ Ｐゴシック" panose="020B0600070205080204" pitchFamily="50" charset="-128"/>
              <a:ea typeface="ＭＳ Ｐゴシック" panose="020B0600070205080204" pitchFamily="50" charset="-128"/>
            </a:rPr>
            <a:t>　現在、「資産マネジメントの第</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期取組期間の実施方針」（公共施設等総合管理計画）に基づき施設の長寿命化等の取組を推進しているが、次期実施方針の策定に向けた検討についても現在進めているところである。次期実施方針の策定にあたっては、特に資産保有の最適化に重点を置き、最適な施設配置のあり方等に関する十分な検討を行っていく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00,460
1,458,758
143.01
715,393,440
712,401,058
629,064
368,483,160
814,670,80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1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市民の所得水準や土地価格水準の高いことなどから基準財政収入額が大きい一方で、市域面積が小さいことや高齢化率が比較的低いことなどから基準財政需要額が小さいため、類似団体平均値と比較して指数が高いものとなっ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40640</xdr:rowOff>
    </xdr:from>
    <xdr:to>
      <xdr:col>23</xdr:col>
      <xdr:colOff>133350</xdr:colOff>
      <xdr:row>44</xdr:row>
      <xdr:rowOff>116840</xdr:rowOff>
    </xdr:to>
    <xdr:cxnSp macro="">
      <xdr:nvCxnSpPr>
        <xdr:cNvPr id="62" name="直線コネクタ 61"/>
        <xdr:cNvCxnSpPr/>
      </xdr:nvCxnSpPr>
      <xdr:spPr>
        <a:xfrm flipV="1">
          <a:off x="4953000" y="621284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88917</xdr:rowOff>
    </xdr:from>
    <xdr:ext cx="762000" cy="259045"/>
    <xdr:sp macro="" textlink="">
      <xdr:nvSpPr>
        <xdr:cNvPr id="63" name="財政力最小値テキスト"/>
        <xdr:cNvSpPr txBox="1"/>
      </xdr:nvSpPr>
      <xdr:spPr>
        <a:xfrm>
          <a:off x="5041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6840</xdr:rowOff>
    </xdr:from>
    <xdr:to>
      <xdr:col>24</xdr:col>
      <xdr:colOff>12700</xdr:colOff>
      <xdr:row>44</xdr:row>
      <xdr:rowOff>116840</xdr:rowOff>
    </xdr:to>
    <xdr:cxnSp macro="">
      <xdr:nvCxnSpPr>
        <xdr:cNvPr id="64" name="直線コネクタ 63"/>
        <xdr:cNvCxnSpPr/>
      </xdr:nvCxnSpPr>
      <xdr:spPr>
        <a:xfrm>
          <a:off x="4864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7017</xdr:rowOff>
    </xdr:from>
    <xdr:ext cx="762000" cy="259045"/>
    <xdr:sp macro="" textlink="">
      <xdr:nvSpPr>
        <xdr:cNvPr id="65" name="財政力最大値テキスト"/>
        <xdr:cNvSpPr txBox="1"/>
      </xdr:nvSpPr>
      <xdr:spPr>
        <a:xfrm>
          <a:off x="50419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40640</xdr:rowOff>
    </xdr:from>
    <xdr:to>
      <xdr:col>24</xdr:col>
      <xdr:colOff>12700</xdr:colOff>
      <xdr:row>36</xdr:row>
      <xdr:rowOff>40640</xdr:rowOff>
    </xdr:to>
    <xdr:cxnSp macro="">
      <xdr:nvCxnSpPr>
        <xdr:cNvPr id="66" name="直線コネクタ 65"/>
        <xdr:cNvCxnSpPr/>
      </xdr:nvCxnSpPr>
      <xdr:spPr>
        <a:xfrm>
          <a:off x="4864100" y="621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40640</xdr:rowOff>
    </xdr:from>
    <xdr:to>
      <xdr:col>23</xdr:col>
      <xdr:colOff>133350</xdr:colOff>
      <xdr:row>36</xdr:row>
      <xdr:rowOff>88900</xdr:rowOff>
    </xdr:to>
    <xdr:cxnSp macro="">
      <xdr:nvCxnSpPr>
        <xdr:cNvPr id="67" name="直線コネクタ 66"/>
        <xdr:cNvCxnSpPr/>
      </xdr:nvCxnSpPr>
      <xdr:spPr>
        <a:xfrm flipV="1">
          <a:off x="4114800" y="621284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7</xdr:rowOff>
    </xdr:from>
    <xdr:ext cx="762000" cy="259045"/>
    <xdr:sp macro="" textlink="">
      <xdr:nvSpPr>
        <xdr:cNvPr id="68" name="財政力平均値テキスト"/>
        <xdr:cNvSpPr txBox="1"/>
      </xdr:nvSpPr>
      <xdr:spPr>
        <a:xfrm>
          <a:off x="5041900" y="68580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27940</xdr:rowOff>
    </xdr:from>
    <xdr:to>
      <xdr:col>23</xdr:col>
      <xdr:colOff>184150</xdr:colOff>
      <xdr:row>40</xdr:row>
      <xdr:rowOff>129540</xdr:rowOff>
    </xdr:to>
    <xdr:sp macro="" textlink="">
      <xdr:nvSpPr>
        <xdr:cNvPr id="69" name="フローチャート: 判断 68"/>
        <xdr:cNvSpPr/>
      </xdr:nvSpPr>
      <xdr:spPr>
        <a:xfrm>
          <a:off x="49022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6</xdr:row>
      <xdr:rowOff>88900</xdr:rowOff>
    </xdr:from>
    <xdr:to>
      <xdr:col>19</xdr:col>
      <xdr:colOff>133350</xdr:colOff>
      <xdr:row>36</xdr:row>
      <xdr:rowOff>88900</xdr:rowOff>
    </xdr:to>
    <xdr:cxnSp macro="">
      <xdr:nvCxnSpPr>
        <xdr:cNvPr id="70" name="直線コネクタ 69"/>
        <xdr:cNvCxnSpPr/>
      </xdr:nvCxnSpPr>
      <xdr:spPr>
        <a:xfrm>
          <a:off x="3225800" y="6261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39</xdr:row>
      <xdr:rowOff>151130</xdr:rowOff>
    </xdr:from>
    <xdr:to>
      <xdr:col>19</xdr:col>
      <xdr:colOff>184150</xdr:colOff>
      <xdr:row>40</xdr:row>
      <xdr:rowOff>81280</xdr:rowOff>
    </xdr:to>
    <xdr:sp macro="" textlink="">
      <xdr:nvSpPr>
        <xdr:cNvPr id="71" name="フローチャート: 判断 70"/>
        <xdr:cNvSpPr/>
      </xdr:nvSpPr>
      <xdr:spPr>
        <a:xfrm>
          <a:off x="4064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66057</xdr:rowOff>
    </xdr:from>
    <xdr:ext cx="736600" cy="259045"/>
    <xdr:sp macro="" textlink="">
      <xdr:nvSpPr>
        <xdr:cNvPr id="72" name="テキスト ボックス 71"/>
        <xdr:cNvSpPr txBox="1"/>
      </xdr:nvSpPr>
      <xdr:spPr>
        <a:xfrm>
          <a:off x="3733800" y="6924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88900</xdr:rowOff>
    </xdr:from>
    <xdr:to>
      <xdr:col>15</xdr:col>
      <xdr:colOff>82550</xdr:colOff>
      <xdr:row>36</xdr:row>
      <xdr:rowOff>88900</xdr:rowOff>
    </xdr:to>
    <xdr:cxnSp macro="">
      <xdr:nvCxnSpPr>
        <xdr:cNvPr id="73" name="直線コネクタ 72"/>
        <xdr:cNvCxnSpPr/>
      </xdr:nvCxnSpPr>
      <xdr:spPr>
        <a:xfrm>
          <a:off x="2336800" y="6261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39</xdr:row>
      <xdr:rowOff>151130</xdr:rowOff>
    </xdr:from>
    <xdr:to>
      <xdr:col>15</xdr:col>
      <xdr:colOff>133350</xdr:colOff>
      <xdr:row>40</xdr:row>
      <xdr:rowOff>81280</xdr:rowOff>
    </xdr:to>
    <xdr:sp macro="" textlink="">
      <xdr:nvSpPr>
        <xdr:cNvPr id="74" name="フローチャート: 判断 73"/>
        <xdr:cNvSpPr/>
      </xdr:nvSpPr>
      <xdr:spPr>
        <a:xfrm>
          <a:off x="3175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66057</xdr:rowOff>
    </xdr:from>
    <xdr:ext cx="762000" cy="259045"/>
    <xdr:sp macro="" textlink="">
      <xdr:nvSpPr>
        <xdr:cNvPr id="75" name="テキスト ボックス 74"/>
        <xdr:cNvSpPr txBox="1"/>
      </xdr:nvSpPr>
      <xdr:spPr>
        <a:xfrm>
          <a:off x="2844800" y="692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88900</xdr:rowOff>
    </xdr:from>
    <xdr:to>
      <xdr:col>11</xdr:col>
      <xdr:colOff>31750</xdr:colOff>
      <xdr:row>36</xdr:row>
      <xdr:rowOff>88900</xdr:rowOff>
    </xdr:to>
    <xdr:cxnSp macro="">
      <xdr:nvCxnSpPr>
        <xdr:cNvPr id="76" name="直線コネクタ 75"/>
        <xdr:cNvCxnSpPr/>
      </xdr:nvCxnSpPr>
      <xdr:spPr>
        <a:xfrm>
          <a:off x="1447800" y="6261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27940</xdr:rowOff>
    </xdr:from>
    <xdr:to>
      <xdr:col>11</xdr:col>
      <xdr:colOff>82550</xdr:colOff>
      <xdr:row>40</xdr:row>
      <xdr:rowOff>129540</xdr:rowOff>
    </xdr:to>
    <xdr:sp macro="" textlink="">
      <xdr:nvSpPr>
        <xdr:cNvPr id="77" name="フローチャート: 判断 76"/>
        <xdr:cNvSpPr/>
      </xdr:nvSpPr>
      <xdr:spPr>
        <a:xfrm>
          <a:off x="2286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14317</xdr:rowOff>
    </xdr:from>
    <xdr:ext cx="762000" cy="259045"/>
    <xdr:sp macro="" textlink="">
      <xdr:nvSpPr>
        <xdr:cNvPr id="78" name="テキスト ボックス 77"/>
        <xdr:cNvSpPr txBox="1"/>
      </xdr:nvSpPr>
      <xdr:spPr>
        <a:xfrm>
          <a:off x="1955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79" name="フローチャート: 判断 78"/>
        <xdr:cNvSpPr/>
      </xdr:nvSpPr>
      <xdr:spPr>
        <a:xfrm>
          <a:off x="1397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62577</xdr:rowOff>
    </xdr:from>
    <xdr:ext cx="762000" cy="259045"/>
    <xdr:sp macro="" textlink="">
      <xdr:nvSpPr>
        <xdr:cNvPr id="80" name="テキスト ボックス 79"/>
        <xdr:cNvSpPr txBox="1"/>
      </xdr:nvSpPr>
      <xdr:spPr>
        <a:xfrm>
          <a:off x="1066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5</xdr:row>
      <xdr:rowOff>161290</xdr:rowOff>
    </xdr:from>
    <xdr:to>
      <xdr:col>23</xdr:col>
      <xdr:colOff>184150</xdr:colOff>
      <xdr:row>36</xdr:row>
      <xdr:rowOff>91440</xdr:rowOff>
    </xdr:to>
    <xdr:sp macro="" textlink="">
      <xdr:nvSpPr>
        <xdr:cNvPr id="86" name="楕円 85"/>
        <xdr:cNvSpPr/>
      </xdr:nvSpPr>
      <xdr:spPr>
        <a:xfrm>
          <a:off x="4902200" y="6162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5</xdr:row>
      <xdr:rowOff>82567</xdr:rowOff>
    </xdr:from>
    <xdr:ext cx="762000" cy="259045"/>
    <xdr:sp macro="" textlink="">
      <xdr:nvSpPr>
        <xdr:cNvPr id="87" name="財政力該当値テキスト"/>
        <xdr:cNvSpPr txBox="1"/>
      </xdr:nvSpPr>
      <xdr:spPr>
        <a:xfrm>
          <a:off x="5041900" y="608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38100</xdr:rowOff>
    </xdr:from>
    <xdr:to>
      <xdr:col>19</xdr:col>
      <xdr:colOff>184150</xdr:colOff>
      <xdr:row>36</xdr:row>
      <xdr:rowOff>139700</xdr:rowOff>
    </xdr:to>
    <xdr:sp macro="" textlink="">
      <xdr:nvSpPr>
        <xdr:cNvPr id="88" name="楕円 87"/>
        <xdr:cNvSpPr/>
      </xdr:nvSpPr>
      <xdr:spPr>
        <a:xfrm>
          <a:off x="4064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4</xdr:row>
      <xdr:rowOff>149877</xdr:rowOff>
    </xdr:from>
    <xdr:ext cx="736600" cy="259045"/>
    <xdr:sp macro="" textlink="">
      <xdr:nvSpPr>
        <xdr:cNvPr id="89" name="テキスト ボックス 88"/>
        <xdr:cNvSpPr txBox="1"/>
      </xdr:nvSpPr>
      <xdr:spPr>
        <a:xfrm>
          <a:off x="3733800" y="5979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6</xdr:row>
      <xdr:rowOff>38100</xdr:rowOff>
    </xdr:from>
    <xdr:to>
      <xdr:col>15</xdr:col>
      <xdr:colOff>133350</xdr:colOff>
      <xdr:row>36</xdr:row>
      <xdr:rowOff>139700</xdr:rowOff>
    </xdr:to>
    <xdr:sp macro="" textlink="">
      <xdr:nvSpPr>
        <xdr:cNvPr id="90" name="楕円 89"/>
        <xdr:cNvSpPr/>
      </xdr:nvSpPr>
      <xdr:spPr>
        <a:xfrm>
          <a:off x="3175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4</xdr:row>
      <xdr:rowOff>149877</xdr:rowOff>
    </xdr:from>
    <xdr:ext cx="762000" cy="259045"/>
    <xdr:sp macro="" textlink="">
      <xdr:nvSpPr>
        <xdr:cNvPr id="91" name="テキスト ボックス 90"/>
        <xdr:cNvSpPr txBox="1"/>
      </xdr:nvSpPr>
      <xdr:spPr>
        <a:xfrm>
          <a:off x="2844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6</xdr:row>
      <xdr:rowOff>38100</xdr:rowOff>
    </xdr:from>
    <xdr:to>
      <xdr:col>11</xdr:col>
      <xdr:colOff>82550</xdr:colOff>
      <xdr:row>36</xdr:row>
      <xdr:rowOff>139700</xdr:rowOff>
    </xdr:to>
    <xdr:sp macro="" textlink="">
      <xdr:nvSpPr>
        <xdr:cNvPr id="92" name="楕円 91"/>
        <xdr:cNvSpPr/>
      </xdr:nvSpPr>
      <xdr:spPr>
        <a:xfrm>
          <a:off x="2286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149877</xdr:rowOff>
    </xdr:from>
    <xdr:ext cx="762000" cy="259045"/>
    <xdr:sp macro="" textlink="">
      <xdr:nvSpPr>
        <xdr:cNvPr id="93" name="テキスト ボックス 92"/>
        <xdr:cNvSpPr txBox="1"/>
      </xdr:nvSpPr>
      <xdr:spPr>
        <a:xfrm>
          <a:off x="1955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6</xdr:row>
      <xdr:rowOff>38100</xdr:rowOff>
    </xdr:from>
    <xdr:to>
      <xdr:col>7</xdr:col>
      <xdr:colOff>31750</xdr:colOff>
      <xdr:row>36</xdr:row>
      <xdr:rowOff>139700</xdr:rowOff>
    </xdr:to>
    <xdr:sp macro="" textlink="">
      <xdr:nvSpPr>
        <xdr:cNvPr id="94" name="楕円 93"/>
        <xdr:cNvSpPr/>
      </xdr:nvSpPr>
      <xdr:spPr>
        <a:xfrm>
          <a:off x="1397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4</xdr:row>
      <xdr:rowOff>149877</xdr:rowOff>
    </xdr:from>
    <xdr:ext cx="762000" cy="259045"/>
    <xdr:sp macro="" textlink="">
      <xdr:nvSpPr>
        <xdr:cNvPr id="95" name="テキスト ボックス 94"/>
        <xdr:cNvSpPr txBox="1"/>
      </xdr:nvSpPr>
      <xdr:spPr>
        <a:xfrm>
          <a:off x="1066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保育受け入れ枠の拡大等による扶助費の増加があったが、消費税引上げの平年度化による地方消費税交付金の増等により低下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保育受け入れ枠の拡大や障害児者介護給付費の増加による経常経費の増及び普通交付税や臨時財政対策債の減等により大きく上昇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県費負担教職員の市費移管による人件費の増や保育受け入れ枠の拡大等による扶助費の増により上昇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保育受入枠の拡大や障害児者介護給付費等の扶助費が増する一方で、個人市民税の増をはじめとした経常一般財源の増加等により低下した。今後とも、財政の柔軟性を確保できるよう社会保障関連経費の増加ペースの低減に努める。</a:t>
          </a: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9755</xdr:rowOff>
    </xdr:from>
    <xdr:to>
      <xdr:col>23</xdr:col>
      <xdr:colOff>133350</xdr:colOff>
      <xdr:row>65</xdr:row>
      <xdr:rowOff>160161</xdr:rowOff>
    </xdr:to>
    <xdr:cxnSp macro="">
      <xdr:nvCxnSpPr>
        <xdr:cNvPr id="125" name="直線コネクタ 124"/>
        <xdr:cNvCxnSpPr/>
      </xdr:nvCxnSpPr>
      <xdr:spPr>
        <a:xfrm flipV="1">
          <a:off x="4953000" y="9963855"/>
          <a:ext cx="0" cy="1340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32238</xdr:rowOff>
    </xdr:from>
    <xdr:ext cx="762000" cy="259045"/>
    <xdr:sp macro="" textlink="">
      <xdr:nvSpPr>
        <xdr:cNvPr id="126" name="財政構造の弾力性最小値テキスト"/>
        <xdr:cNvSpPr txBox="1"/>
      </xdr:nvSpPr>
      <xdr:spPr>
        <a:xfrm>
          <a:off x="5041900" y="11276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60161</xdr:rowOff>
    </xdr:from>
    <xdr:to>
      <xdr:col>24</xdr:col>
      <xdr:colOff>12700</xdr:colOff>
      <xdr:row>65</xdr:row>
      <xdr:rowOff>160161</xdr:rowOff>
    </xdr:to>
    <xdr:cxnSp macro="">
      <xdr:nvCxnSpPr>
        <xdr:cNvPr id="127" name="直線コネクタ 126"/>
        <xdr:cNvCxnSpPr/>
      </xdr:nvCxnSpPr>
      <xdr:spPr>
        <a:xfrm>
          <a:off x="4864100" y="113044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06132</xdr:rowOff>
    </xdr:from>
    <xdr:ext cx="762000" cy="259045"/>
    <xdr:sp macro="" textlink="">
      <xdr:nvSpPr>
        <xdr:cNvPr id="128" name="財政構造の弾力性最大値テキスト"/>
        <xdr:cNvSpPr txBox="1"/>
      </xdr:nvSpPr>
      <xdr:spPr>
        <a:xfrm>
          <a:off x="5041900" y="970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9755</xdr:rowOff>
    </xdr:from>
    <xdr:to>
      <xdr:col>24</xdr:col>
      <xdr:colOff>12700</xdr:colOff>
      <xdr:row>58</xdr:row>
      <xdr:rowOff>19755</xdr:rowOff>
    </xdr:to>
    <xdr:cxnSp macro="">
      <xdr:nvCxnSpPr>
        <xdr:cNvPr id="129" name="直線コネクタ 128"/>
        <xdr:cNvCxnSpPr/>
      </xdr:nvCxnSpPr>
      <xdr:spPr>
        <a:xfrm>
          <a:off x="4864100" y="996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60161</xdr:rowOff>
    </xdr:from>
    <xdr:to>
      <xdr:col>23</xdr:col>
      <xdr:colOff>133350</xdr:colOff>
      <xdr:row>66</xdr:row>
      <xdr:rowOff>82550</xdr:rowOff>
    </xdr:to>
    <xdr:cxnSp macro="">
      <xdr:nvCxnSpPr>
        <xdr:cNvPr id="130" name="直線コネクタ 129"/>
        <xdr:cNvCxnSpPr/>
      </xdr:nvCxnSpPr>
      <xdr:spPr>
        <a:xfrm flipV="1">
          <a:off x="4114800" y="11304411"/>
          <a:ext cx="838200" cy="93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53216</xdr:rowOff>
    </xdr:from>
    <xdr:ext cx="762000" cy="259045"/>
    <xdr:sp macro="" textlink="">
      <xdr:nvSpPr>
        <xdr:cNvPr id="131" name="財政構造の弾力性平均値テキスト"/>
        <xdr:cNvSpPr txBox="1"/>
      </xdr:nvSpPr>
      <xdr:spPr>
        <a:xfrm>
          <a:off x="5041900" y="106831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6689</xdr:rowOff>
    </xdr:from>
    <xdr:to>
      <xdr:col>23</xdr:col>
      <xdr:colOff>184150</xdr:colOff>
      <xdr:row>63</xdr:row>
      <xdr:rowOff>138289</xdr:rowOff>
    </xdr:to>
    <xdr:sp macro="" textlink="">
      <xdr:nvSpPr>
        <xdr:cNvPr id="132" name="フローチャート: 判断 131"/>
        <xdr:cNvSpPr/>
      </xdr:nvSpPr>
      <xdr:spPr>
        <a:xfrm>
          <a:off x="4902200" y="1083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69145</xdr:rowOff>
    </xdr:from>
    <xdr:to>
      <xdr:col>19</xdr:col>
      <xdr:colOff>133350</xdr:colOff>
      <xdr:row>66</xdr:row>
      <xdr:rowOff>82550</xdr:rowOff>
    </xdr:to>
    <xdr:cxnSp macro="">
      <xdr:nvCxnSpPr>
        <xdr:cNvPr id="133" name="直線コネクタ 132"/>
        <xdr:cNvCxnSpPr/>
      </xdr:nvCxnSpPr>
      <xdr:spPr>
        <a:xfrm>
          <a:off x="3225800" y="11384845"/>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63500</xdr:rowOff>
    </xdr:from>
    <xdr:to>
      <xdr:col>19</xdr:col>
      <xdr:colOff>184150</xdr:colOff>
      <xdr:row>63</xdr:row>
      <xdr:rowOff>165100</xdr:rowOff>
    </xdr:to>
    <xdr:sp macro="" textlink="">
      <xdr:nvSpPr>
        <xdr:cNvPr id="134" name="フローチャート: 判断 133"/>
        <xdr:cNvSpPr/>
      </xdr:nvSpPr>
      <xdr:spPr>
        <a:xfrm>
          <a:off x="4064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3827</xdr:rowOff>
    </xdr:from>
    <xdr:ext cx="736600" cy="259045"/>
    <xdr:sp macro="" textlink="">
      <xdr:nvSpPr>
        <xdr:cNvPr id="135" name="テキスト ボックス 134"/>
        <xdr:cNvSpPr txBox="1"/>
      </xdr:nvSpPr>
      <xdr:spPr>
        <a:xfrm>
          <a:off x="3733800" y="10633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50095</xdr:rowOff>
    </xdr:from>
    <xdr:to>
      <xdr:col>15</xdr:col>
      <xdr:colOff>82550</xdr:colOff>
      <xdr:row>66</xdr:row>
      <xdr:rowOff>69145</xdr:rowOff>
    </xdr:to>
    <xdr:cxnSp macro="">
      <xdr:nvCxnSpPr>
        <xdr:cNvPr id="136" name="直線コネクタ 135"/>
        <xdr:cNvCxnSpPr/>
      </xdr:nvCxnSpPr>
      <xdr:spPr>
        <a:xfrm>
          <a:off x="2336800" y="11022895"/>
          <a:ext cx="889000" cy="361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57339</xdr:rowOff>
    </xdr:from>
    <xdr:to>
      <xdr:col>15</xdr:col>
      <xdr:colOff>133350</xdr:colOff>
      <xdr:row>64</xdr:row>
      <xdr:rowOff>87489</xdr:rowOff>
    </xdr:to>
    <xdr:sp macro="" textlink="">
      <xdr:nvSpPr>
        <xdr:cNvPr id="137" name="フローチャート: 判断 136"/>
        <xdr:cNvSpPr/>
      </xdr:nvSpPr>
      <xdr:spPr>
        <a:xfrm>
          <a:off x="3175000" y="1095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97666</xdr:rowOff>
    </xdr:from>
    <xdr:ext cx="762000" cy="259045"/>
    <xdr:sp macro="" textlink="">
      <xdr:nvSpPr>
        <xdr:cNvPr id="138" name="テキスト ボックス 137"/>
        <xdr:cNvSpPr txBox="1"/>
      </xdr:nvSpPr>
      <xdr:spPr>
        <a:xfrm>
          <a:off x="2844800" y="10727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50095</xdr:rowOff>
    </xdr:from>
    <xdr:to>
      <xdr:col>11</xdr:col>
      <xdr:colOff>31750</xdr:colOff>
      <xdr:row>65</xdr:row>
      <xdr:rowOff>146755</xdr:rowOff>
    </xdr:to>
    <xdr:cxnSp macro="">
      <xdr:nvCxnSpPr>
        <xdr:cNvPr id="139" name="直線コネクタ 138"/>
        <xdr:cNvCxnSpPr/>
      </xdr:nvCxnSpPr>
      <xdr:spPr>
        <a:xfrm flipV="1">
          <a:off x="1447800" y="11022895"/>
          <a:ext cx="889000" cy="2681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33867</xdr:rowOff>
    </xdr:from>
    <xdr:to>
      <xdr:col>11</xdr:col>
      <xdr:colOff>82550</xdr:colOff>
      <xdr:row>62</xdr:row>
      <xdr:rowOff>135467</xdr:rowOff>
    </xdr:to>
    <xdr:sp macro="" textlink="">
      <xdr:nvSpPr>
        <xdr:cNvPr id="140" name="フローチャート: 判断 139"/>
        <xdr:cNvSpPr/>
      </xdr:nvSpPr>
      <xdr:spPr>
        <a:xfrm>
          <a:off x="2286000" y="1066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45644</xdr:rowOff>
    </xdr:from>
    <xdr:ext cx="762000" cy="259045"/>
    <xdr:sp macro="" textlink="">
      <xdr:nvSpPr>
        <xdr:cNvPr id="141" name="テキスト ボックス 140"/>
        <xdr:cNvSpPr txBox="1"/>
      </xdr:nvSpPr>
      <xdr:spPr>
        <a:xfrm>
          <a:off x="1955800" y="1043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23283</xdr:rowOff>
    </xdr:from>
    <xdr:to>
      <xdr:col>7</xdr:col>
      <xdr:colOff>31750</xdr:colOff>
      <xdr:row>63</xdr:row>
      <xdr:rowOff>124883</xdr:rowOff>
    </xdr:to>
    <xdr:sp macro="" textlink="">
      <xdr:nvSpPr>
        <xdr:cNvPr id="142" name="フローチャート: 判断 141"/>
        <xdr:cNvSpPr/>
      </xdr:nvSpPr>
      <xdr:spPr>
        <a:xfrm>
          <a:off x="1397000" y="1082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35060</xdr:rowOff>
    </xdr:from>
    <xdr:ext cx="762000" cy="259045"/>
    <xdr:sp macro="" textlink="">
      <xdr:nvSpPr>
        <xdr:cNvPr id="143" name="テキスト ボックス 142"/>
        <xdr:cNvSpPr txBox="1"/>
      </xdr:nvSpPr>
      <xdr:spPr>
        <a:xfrm>
          <a:off x="1066800" y="10593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09361</xdr:rowOff>
    </xdr:from>
    <xdr:to>
      <xdr:col>23</xdr:col>
      <xdr:colOff>184150</xdr:colOff>
      <xdr:row>66</xdr:row>
      <xdr:rowOff>39511</xdr:rowOff>
    </xdr:to>
    <xdr:sp macro="" textlink="">
      <xdr:nvSpPr>
        <xdr:cNvPr id="149" name="楕円 148"/>
        <xdr:cNvSpPr/>
      </xdr:nvSpPr>
      <xdr:spPr>
        <a:xfrm>
          <a:off x="4902200" y="11253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5238</xdr:rowOff>
    </xdr:from>
    <xdr:ext cx="762000" cy="259045"/>
    <xdr:sp macro="" textlink="">
      <xdr:nvSpPr>
        <xdr:cNvPr id="150" name="財政構造の弾力性該当値テキスト"/>
        <xdr:cNvSpPr txBox="1"/>
      </xdr:nvSpPr>
      <xdr:spPr>
        <a:xfrm>
          <a:off x="5041900" y="11149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31750</xdr:rowOff>
    </xdr:from>
    <xdr:to>
      <xdr:col>19</xdr:col>
      <xdr:colOff>184150</xdr:colOff>
      <xdr:row>66</xdr:row>
      <xdr:rowOff>133350</xdr:rowOff>
    </xdr:to>
    <xdr:sp macro="" textlink="">
      <xdr:nvSpPr>
        <xdr:cNvPr id="151" name="楕円 150"/>
        <xdr:cNvSpPr/>
      </xdr:nvSpPr>
      <xdr:spPr>
        <a:xfrm>
          <a:off x="4064000" y="1134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18127</xdr:rowOff>
    </xdr:from>
    <xdr:ext cx="736600" cy="259045"/>
    <xdr:sp macro="" textlink="">
      <xdr:nvSpPr>
        <xdr:cNvPr id="152" name="テキスト ボックス 151"/>
        <xdr:cNvSpPr txBox="1"/>
      </xdr:nvSpPr>
      <xdr:spPr>
        <a:xfrm>
          <a:off x="3733800" y="11433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8345</xdr:rowOff>
    </xdr:from>
    <xdr:to>
      <xdr:col>15</xdr:col>
      <xdr:colOff>133350</xdr:colOff>
      <xdr:row>66</xdr:row>
      <xdr:rowOff>119945</xdr:rowOff>
    </xdr:to>
    <xdr:sp macro="" textlink="">
      <xdr:nvSpPr>
        <xdr:cNvPr id="153" name="楕円 152"/>
        <xdr:cNvSpPr/>
      </xdr:nvSpPr>
      <xdr:spPr>
        <a:xfrm>
          <a:off x="3175000" y="11334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04722</xdr:rowOff>
    </xdr:from>
    <xdr:ext cx="762000" cy="259045"/>
    <xdr:sp macro="" textlink="">
      <xdr:nvSpPr>
        <xdr:cNvPr id="154" name="テキスト ボックス 153"/>
        <xdr:cNvSpPr txBox="1"/>
      </xdr:nvSpPr>
      <xdr:spPr>
        <a:xfrm>
          <a:off x="2844800" y="11420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70745</xdr:rowOff>
    </xdr:from>
    <xdr:to>
      <xdr:col>11</xdr:col>
      <xdr:colOff>82550</xdr:colOff>
      <xdr:row>64</xdr:row>
      <xdr:rowOff>100895</xdr:rowOff>
    </xdr:to>
    <xdr:sp macro="" textlink="">
      <xdr:nvSpPr>
        <xdr:cNvPr id="155" name="楕円 154"/>
        <xdr:cNvSpPr/>
      </xdr:nvSpPr>
      <xdr:spPr>
        <a:xfrm>
          <a:off x="2286000" y="10972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85672</xdr:rowOff>
    </xdr:from>
    <xdr:ext cx="762000" cy="259045"/>
    <xdr:sp macro="" textlink="">
      <xdr:nvSpPr>
        <xdr:cNvPr id="156" name="テキスト ボックス 155"/>
        <xdr:cNvSpPr txBox="1"/>
      </xdr:nvSpPr>
      <xdr:spPr>
        <a:xfrm>
          <a:off x="1955800" y="11058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95955</xdr:rowOff>
    </xdr:from>
    <xdr:to>
      <xdr:col>7</xdr:col>
      <xdr:colOff>31750</xdr:colOff>
      <xdr:row>66</xdr:row>
      <xdr:rowOff>26105</xdr:rowOff>
    </xdr:to>
    <xdr:sp macro="" textlink="">
      <xdr:nvSpPr>
        <xdr:cNvPr id="157" name="楕円 156"/>
        <xdr:cNvSpPr/>
      </xdr:nvSpPr>
      <xdr:spPr>
        <a:xfrm>
          <a:off x="1397000" y="11240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0882</xdr:rowOff>
    </xdr:from>
    <xdr:ext cx="762000" cy="259045"/>
    <xdr:sp macro="" textlink="">
      <xdr:nvSpPr>
        <xdr:cNvPr id="158" name="テキスト ボックス 157"/>
        <xdr:cNvSpPr txBox="1"/>
      </xdr:nvSpPr>
      <xdr:spPr>
        <a:xfrm>
          <a:off x="1066800" y="11326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4,5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人口一人当たり人件費は、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退職手当の増等により増加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退職者数の減等の影響により減少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県費負担教職員の市費移管の影響により増加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教職員数の増による人件費の増により増加した。人口一人当たり物件費は、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6</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本庁舎耐震対策や子ども子育て支援制度実施に向けた準備経費の増等により、増となっ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緊急雇用創出事業費の終了等による委託費の減等により、減となっ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Ｂ型肝炎ウイルス感染症予防接種の開始やごみ収集業務の委託範囲の拡大の影響等により増となっ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中学校完全給食実施の影響等により増となっ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中学校完全給食実施の通年化等により増となった。</a:t>
          </a: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4</xdr:row>
      <xdr:rowOff>89849</xdr:rowOff>
    </xdr:from>
    <xdr:to>
      <xdr:col>23</xdr:col>
      <xdr:colOff>133350</xdr:colOff>
      <xdr:row>88</xdr:row>
      <xdr:rowOff>114799</xdr:rowOff>
    </xdr:to>
    <xdr:cxnSp macro="">
      <xdr:nvCxnSpPr>
        <xdr:cNvPr id="188" name="直線コネクタ 187"/>
        <xdr:cNvCxnSpPr/>
      </xdr:nvCxnSpPr>
      <xdr:spPr>
        <a:xfrm flipV="1">
          <a:off x="4953000" y="14491649"/>
          <a:ext cx="0" cy="7107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86876</xdr:rowOff>
    </xdr:from>
    <xdr:ext cx="762000" cy="259045"/>
    <xdr:sp macro="" textlink="">
      <xdr:nvSpPr>
        <xdr:cNvPr id="189" name="人件費・物件費等の状況最小値テキスト"/>
        <xdr:cNvSpPr txBox="1"/>
      </xdr:nvSpPr>
      <xdr:spPr>
        <a:xfrm>
          <a:off x="5041900" y="15174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7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14799</xdr:rowOff>
    </xdr:from>
    <xdr:to>
      <xdr:col>24</xdr:col>
      <xdr:colOff>12700</xdr:colOff>
      <xdr:row>88</xdr:row>
      <xdr:rowOff>114799</xdr:rowOff>
    </xdr:to>
    <xdr:cxnSp macro="">
      <xdr:nvCxnSpPr>
        <xdr:cNvPr id="190" name="直線コネクタ 189"/>
        <xdr:cNvCxnSpPr/>
      </xdr:nvCxnSpPr>
      <xdr:spPr>
        <a:xfrm>
          <a:off x="4864100" y="15202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4776</xdr:rowOff>
    </xdr:from>
    <xdr:ext cx="762000" cy="259045"/>
    <xdr:sp macro="" textlink="">
      <xdr:nvSpPr>
        <xdr:cNvPr id="191" name="人件費・物件費等の状況最大値テキスト"/>
        <xdr:cNvSpPr txBox="1"/>
      </xdr:nvSpPr>
      <xdr:spPr>
        <a:xfrm>
          <a:off x="5041900" y="14235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4</xdr:row>
      <xdr:rowOff>89849</xdr:rowOff>
    </xdr:from>
    <xdr:to>
      <xdr:col>24</xdr:col>
      <xdr:colOff>12700</xdr:colOff>
      <xdr:row>84</xdr:row>
      <xdr:rowOff>89849</xdr:rowOff>
    </xdr:to>
    <xdr:cxnSp macro="">
      <xdr:nvCxnSpPr>
        <xdr:cNvPr id="192" name="直線コネクタ 191"/>
        <xdr:cNvCxnSpPr/>
      </xdr:nvCxnSpPr>
      <xdr:spPr>
        <a:xfrm>
          <a:off x="4864100" y="14491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5</xdr:row>
      <xdr:rowOff>90909</xdr:rowOff>
    </xdr:from>
    <xdr:to>
      <xdr:col>23</xdr:col>
      <xdr:colOff>133350</xdr:colOff>
      <xdr:row>85</xdr:row>
      <xdr:rowOff>122982</xdr:rowOff>
    </xdr:to>
    <xdr:cxnSp macro="">
      <xdr:nvCxnSpPr>
        <xdr:cNvPr id="193" name="直線コネクタ 192"/>
        <xdr:cNvCxnSpPr/>
      </xdr:nvCxnSpPr>
      <xdr:spPr>
        <a:xfrm>
          <a:off x="4114800" y="14664159"/>
          <a:ext cx="838200" cy="32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5</xdr:row>
      <xdr:rowOff>168246</xdr:rowOff>
    </xdr:from>
    <xdr:ext cx="762000" cy="259045"/>
    <xdr:sp macro="" textlink="">
      <xdr:nvSpPr>
        <xdr:cNvPr id="194" name="人件費・物件費等の状況平均値テキスト"/>
        <xdr:cNvSpPr txBox="1"/>
      </xdr:nvSpPr>
      <xdr:spPr>
        <a:xfrm>
          <a:off x="5041900" y="147414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6</xdr:row>
      <xdr:rowOff>24719</xdr:rowOff>
    </xdr:from>
    <xdr:to>
      <xdr:col>23</xdr:col>
      <xdr:colOff>184150</xdr:colOff>
      <xdr:row>86</xdr:row>
      <xdr:rowOff>126319</xdr:rowOff>
    </xdr:to>
    <xdr:sp macro="" textlink="">
      <xdr:nvSpPr>
        <xdr:cNvPr id="195" name="フローチャート: 判断 194"/>
        <xdr:cNvSpPr/>
      </xdr:nvSpPr>
      <xdr:spPr>
        <a:xfrm>
          <a:off x="4902200" y="14769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56992</xdr:rowOff>
    </xdr:from>
    <xdr:to>
      <xdr:col>19</xdr:col>
      <xdr:colOff>133350</xdr:colOff>
      <xdr:row>85</xdr:row>
      <xdr:rowOff>90909</xdr:rowOff>
    </xdr:to>
    <xdr:cxnSp macro="">
      <xdr:nvCxnSpPr>
        <xdr:cNvPr id="196" name="直線コネクタ 195"/>
        <xdr:cNvCxnSpPr/>
      </xdr:nvCxnSpPr>
      <xdr:spPr>
        <a:xfrm>
          <a:off x="3225800" y="13944442"/>
          <a:ext cx="889000" cy="719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6</xdr:row>
      <xdr:rowOff>23915</xdr:rowOff>
    </xdr:from>
    <xdr:to>
      <xdr:col>19</xdr:col>
      <xdr:colOff>184150</xdr:colOff>
      <xdr:row>86</xdr:row>
      <xdr:rowOff>125515</xdr:rowOff>
    </xdr:to>
    <xdr:sp macro="" textlink="">
      <xdr:nvSpPr>
        <xdr:cNvPr id="197" name="フローチャート: 判断 196"/>
        <xdr:cNvSpPr/>
      </xdr:nvSpPr>
      <xdr:spPr>
        <a:xfrm>
          <a:off x="4064000" y="14768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6</xdr:row>
      <xdr:rowOff>110292</xdr:rowOff>
    </xdr:from>
    <xdr:ext cx="736600" cy="259045"/>
    <xdr:sp macro="" textlink="">
      <xdr:nvSpPr>
        <xdr:cNvPr id="198" name="テキスト ボックス 197"/>
        <xdr:cNvSpPr txBox="1"/>
      </xdr:nvSpPr>
      <xdr:spPr>
        <a:xfrm>
          <a:off x="3733800" y="148549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56992</xdr:rowOff>
    </xdr:from>
    <xdr:to>
      <xdr:col>15</xdr:col>
      <xdr:colOff>82550</xdr:colOff>
      <xdr:row>81</xdr:row>
      <xdr:rowOff>61233</xdr:rowOff>
    </xdr:to>
    <xdr:cxnSp macro="">
      <xdr:nvCxnSpPr>
        <xdr:cNvPr id="199" name="直線コネクタ 198"/>
        <xdr:cNvCxnSpPr/>
      </xdr:nvCxnSpPr>
      <xdr:spPr>
        <a:xfrm flipV="1">
          <a:off x="2336800" y="13944442"/>
          <a:ext cx="889000" cy="4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16726</xdr:rowOff>
    </xdr:from>
    <xdr:to>
      <xdr:col>15</xdr:col>
      <xdr:colOff>133350</xdr:colOff>
      <xdr:row>82</xdr:row>
      <xdr:rowOff>46876</xdr:rowOff>
    </xdr:to>
    <xdr:sp macro="" textlink="">
      <xdr:nvSpPr>
        <xdr:cNvPr id="200" name="フローチャート: 判断 199"/>
        <xdr:cNvSpPr/>
      </xdr:nvSpPr>
      <xdr:spPr>
        <a:xfrm>
          <a:off x="3175000" y="1400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31653</xdr:rowOff>
    </xdr:from>
    <xdr:ext cx="762000" cy="259045"/>
    <xdr:sp macro="" textlink="">
      <xdr:nvSpPr>
        <xdr:cNvPr id="201" name="テキスト ボックス 200"/>
        <xdr:cNvSpPr txBox="1"/>
      </xdr:nvSpPr>
      <xdr:spPr>
        <a:xfrm>
          <a:off x="2844800" y="14090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61233</xdr:rowOff>
    </xdr:from>
    <xdr:to>
      <xdr:col>11</xdr:col>
      <xdr:colOff>31750</xdr:colOff>
      <xdr:row>81</xdr:row>
      <xdr:rowOff>104366</xdr:rowOff>
    </xdr:to>
    <xdr:cxnSp macro="">
      <xdr:nvCxnSpPr>
        <xdr:cNvPr id="202" name="直線コネクタ 201"/>
        <xdr:cNvCxnSpPr/>
      </xdr:nvCxnSpPr>
      <xdr:spPr>
        <a:xfrm flipV="1">
          <a:off x="1447800" y="13948683"/>
          <a:ext cx="889000" cy="43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6624</xdr:rowOff>
    </xdr:from>
    <xdr:to>
      <xdr:col>11</xdr:col>
      <xdr:colOff>82550</xdr:colOff>
      <xdr:row>82</xdr:row>
      <xdr:rowOff>16774</xdr:rowOff>
    </xdr:to>
    <xdr:sp macro="" textlink="">
      <xdr:nvSpPr>
        <xdr:cNvPr id="203" name="フローチャート: 判断 202"/>
        <xdr:cNvSpPr/>
      </xdr:nvSpPr>
      <xdr:spPr>
        <a:xfrm>
          <a:off x="2286000" y="13974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551</xdr:rowOff>
    </xdr:from>
    <xdr:ext cx="762000" cy="259045"/>
    <xdr:sp macro="" textlink="">
      <xdr:nvSpPr>
        <xdr:cNvPr id="204" name="テキスト ボックス 203"/>
        <xdr:cNvSpPr txBox="1"/>
      </xdr:nvSpPr>
      <xdr:spPr>
        <a:xfrm>
          <a:off x="1955800" y="14060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7958</xdr:rowOff>
    </xdr:from>
    <xdr:to>
      <xdr:col>7</xdr:col>
      <xdr:colOff>31750</xdr:colOff>
      <xdr:row>82</xdr:row>
      <xdr:rowOff>8108</xdr:rowOff>
    </xdr:to>
    <xdr:sp macro="" textlink="">
      <xdr:nvSpPr>
        <xdr:cNvPr id="205" name="フローチャート: 判断 204"/>
        <xdr:cNvSpPr/>
      </xdr:nvSpPr>
      <xdr:spPr>
        <a:xfrm>
          <a:off x="1397000" y="1396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4335</xdr:rowOff>
    </xdr:from>
    <xdr:ext cx="762000" cy="259045"/>
    <xdr:sp macro="" textlink="">
      <xdr:nvSpPr>
        <xdr:cNvPr id="206" name="テキスト ボックス 205"/>
        <xdr:cNvSpPr txBox="1"/>
      </xdr:nvSpPr>
      <xdr:spPr>
        <a:xfrm>
          <a:off x="1066800" y="14051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72182</xdr:rowOff>
    </xdr:from>
    <xdr:to>
      <xdr:col>23</xdr:col>
      <xdr:colOff>184150</xdr:colOff>
      <xdr:row>86</xdr:row>
      <xdr:rowOff>2332</xdr:rowOff>
    </xdr:to>
    <xdr:sp macro="" textlink="">
      <xdr:nvSpPr>
        <xdr:cNvPr id="212" name="楕円 211"/>
        <xdr:cNvSpPr/>
      </xdr:nvSpPr>
      <xdr:spPr>
        <a:xfrm>
          <a:off x="4902200" y="14645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88709</xdr:rowOff>
    </xdr:from>
    <xdr:ext cx="762000" cy="259045"/>
    <xdr:sp macro="" textlink="">
      <xdr:nvSpPr>
        <xdr:cNvPr id="213" name="人件費・物件費等の状況該当値テキスト"/>
        <xdr:cNvSpPr txBox="1"/>
      </xdr:nvSpPr>
      <xdr:spPr>
        <a:xfrm>
          <a:off x="5041900" y="14490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5</xdr:row>
      <xdr:rowOff>40109</xdr:rowOff>
    </xdr:from>
    <xdr:to>
      <xdr:col>19</xdr:col>
      <xdr:colOff>184150</xdr:colOff>
      <xdr:row>85</xdr:row>
      <xdr:rowOff>141709</xdr:rowOff>
    </xdr:to>
    <xdr:sp macro="" textlink="">
      <xdr:nvSpPr>
        <xdr:cNvPr id="214" name="楕円 213"/>
        <xdr:cNvSpPr/>
      </xdr:nvSpPr>
      <xdr:spPr>
        <a:xfrm>
          <a:off x="4064000" y="14613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51886</xdr:rowOff>
    </xdr:from>
    <xdr:ext cx="736600" cy="259045"/>
    <xdr:sp macro="" textlink="">
      <xdr:nvSpPr>
        <xdr:cNvPr id="215" name="テキスト ボックス 214"/>
        <xdr:cNvSpPr txBox="1"/>
      </xdr:nvSpPr>
      <xdr:spPr>
        <a:xfrm>
          <a:off x="3733800" y="143822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6192</xdr:rowOff>
    </xdr:from>
    <xdr:to>
      <xdr:col>15</xdr:col>
      <xdr:colOff>133350</xdr:colOff>
      <xdr:row>81</xdr:row>
      <xdr:rowOff>107792</xdr:rowOff>
    </xdr:to>
    <xdr:sp macro="" textlink="">
      <xdr:nvSpPr>
        <xdr:cNvPr id="216" name="楕円 215"/>
        <xdr:cNvSpPr/>
      </xdr:nvSpPr>
      <xdr:spPr>
        <a:xfrm>
          <a:off x="3175000" y="1389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17969</xdr:rowOff>
    </xdr:from>
    <xdr:ext cx="762000" cy="259045"/>
    <xdr:sp macro="" textlink="">
      <xdr:nvSpPr>
        <xdr:cNvPr id="217" name="テキスト ボックス 216"/>
        <xdr:cNvSpPr txBox="1"/>
      </xdr:nvSpPr>
      <xdr:spPr>
        <a:xfrm>
          <a:off x="2844800" y="13662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0433</xdr:rowOff>
    </xdr:from>
    <xdr:to>
      <xdr:col>11</xdr:col>
      <xdr:colOff>82550</xdr:colOff>
      <xdr:row>81</xdr:row>
      <xdr:rowOff>112033</xdr:rowOff>
    </xdr:to>
    <xdr:sp macro="" textlink="">
      <xdr:nvSpPr>
        <xdr:cNvPr id="218" name="楕円 217"/>
        <xdr:cNvSpPr/>
      </xdr:nvSpPr>
      <xdr:spPr>
        <a:xfrm>
          <a:off x="2286000" y="13897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22210</xdr:rowOff>
    </xdr:from>
    <xdr:ext cx="762000" cy="259045"/>
    <xdr:sp macro="" textlink="">
      <xdr:nvSpPr>
        <xdr:cNvPr id="219" name="テキスト ボックス 218"/>
        <xdr:cNvSpPr txBox="1"/>
      </xdr:nvSpPr>
      <xdr:spPr>
        <a:xfrm>
          <a:off x="1955800" y="13666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53566</xdr:rowOff>
    </xdr:from>
    <xdr:to>
      <xdr:col>7</xdr:col>
      <xdr:colOff>31750</xdr:colOff>
      <xdr:row>81</xdr:row>
      <xdr:rowOff>155166</xdr:rowOff>
    </xdr:to>
    <xdr:sp macro="" textlink="">
      <xdr:nvSpPr>
        <xdr:cNvPr id="220" name="楕円 219"/>
        <xdr:cNvSpPr/>
      </xdr:nvSpPr>
      <xdr:spPr>
        <a:xfrm>
          <a:off x="1397000" y="13941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65343</xdr:rowOff>
    </xdr:from>
    <xdr:ext cx="762000" cy="259045"/>
    <xdr:sp macro="" textlink="">
      <xdr:nvSpPr>
        <xdr:cNvPr id="221" name="テキスト ボックス 220"/>
        <xdr:cNvSpPr txBox="1"/>
      </xdr:nvSpPr>
      <xdr:spPr>
        <a:xfrm>
          <a:off x="1066800" y="13709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平成</a:t>
          </a:r>
          <a:r>
            <a:rPr kumimoji="1" lang="en-US" altLang="ja-JP" sz="1100">
              <a:latin typeface="ＭＳ Ｐゴシック" panose="020B0600070205080204" pitchFamily="50" charset="-128"/>
              <a:ea typeface="ＭＳ Ｐゴシック" panose="020B0600070205080204" pitchFamily="50" charset="-128"/>
            </a:rPr>
            <a:t>27</a:t>
          </a:r>
          <a:r>
            <a:rPr kumimoji="1" lang="ja-JP" altLang="en-US" sz="1100">
              <a:latin typeface="ＭＳ Ｐゴシック" panose="020B0600070205080204" pitchFamily="50" charset="-128"/>
              <a:ea typeface="ＭＳ Ｐゴシック" panose="020B0600070205080204" pitchFamily="50" charset="-128"/>
            </a:rPr>
            <a:t>年度に指数が低下した要因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a:t>
          </a:r>
          <a:r>
            <a:rPr kumimoji="1" lang="en-US" altLang="ja-JP" sz="1100">
              <a:latin typeface="ＭＳ Ｐゴシック" panose="020B0600070205080204" pitchFamily="50" charset="-128"/>
              <a:ea typeface="ＭＳ Ｐゴシック" panose="020B0600070205080204" pitchFamily="50" charset="-128"/>
            </a:rPr>
            <a:t>4</a:t>
          </a:r>
          <a:r>
            <a:rPr kumimoji="1" lang="ja-JP" altLang="en-US" sz="1100">
              <a:latin typeface="ＭＳ Ｐゴシック" panose="020B0600070205080204" pitchFamily="50" charset="-128"/>
              <a:ea typeface="ＭＳ Ｐゴシック" panose="020B0600070205080204" pitchFamily="50" charset="-128"/>
            </a:rPr>
            <a:t>月</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日から実施した給与制度の総合見直しにより、地域手当を国と同水準に引上げ、これに伴い給料表の引下げを行ったことによるものである。類似団体内順位は低い状況にあるが、総合見直し及び平成</a:t>
          </a:r>
          <a:r>
            <a:rPr kumimoji="1" lang="en-US" altLang="ja-JP" sz="1100">
              <a:latin typeface="ＭＳ Ｐゴシック" panose="020B0600070205080204" pitchFamily="50" charset="-128"/>
              <a:ea typeface="ＭＳ Ｐゴシック" panose="020B0600070205080204" pitchFamily="50" charset="-128"/>
            </a:rPr>
            <a:t>19</a:t>
          </a:r>
          <a:r>
            <a:rPr kumimoji="1" lang="ja-JP" altLang="en-US" sz="1100">
              <a:latin typeface="ＭＳ Ｐゴシック" panose="020B0600070205080204" pitchFamily="50" charset="-128"/>
              <a:ea typeface="ＭＳ Ｐゴシック" panose="020B0600070205080204" pitchFamily="50" charset="-128"/>
            </a:rPr>
            <a:t>年に実施した給与構造改革に伴い実施していた現給保障等を廃止したこと、及び、国が給料表の引上げ改定を実施したが本市は給料表の改定を実施しなかったことから、昨年度に比べ数値は改善されている。また、指数に影響を与えないが、特殊勤務手当などの諸手当を中心に見直しを進め、今後も引き続き給与の適正化に努め、人件費の削減を図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3759</xdr:rowOff>
    </xdr:from>
    <xdr:to>
      <xdr:col>81</xdr:col>
      <xdr:colOff>44450</xdr:colOff>
      <xdr:row>88</xdr:row>
      <xdr:rowOff>40216</xdr:rowOff>
    </xdr:to>
    <xdr:cxnSp macro="">
      <xdr:nvCxnSpPr>
        <xdr:cNvPr id="250" name="直線コネクタ 249"/>
        <xdr:cNvCxnSpPr/>
      </xdr:nvCxnSpPr>
      <xdr:spPr>
        <a:xfrm flipV="1">
          <a:off x="17018000" y="13901209"/>
          <a:ext cx="0" cy="122660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2293</xdr:rowOff>
    </xdr:from>
    <xdr:ext cx="762000" cy="259045"/>
    <xdr:sp macro="" textlink="">
      <xdr:nvSpPr>
        <xdr:cNvPr id="251" name="給与水準   （国との比較）最小値テキスト"/>
        <xdr:cNvSpPr txBox="1"/>
      </xdr:nvSpPr>
      <xdr:spPr>
        <a:xfrm>
          <a:off x="17106900" y="15099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40216</xdr:rowOff>
    </xdr:from>
    <xdr:to>
      <xdr:col>81</xdr:col>
      <xdr:colOff>133350</xdr:colOff>
      <xdr:row>88</xdr:row>
      <xdr:rowOff>40216</xdr:rowOff>
    </xdr:to>
    <xdr:cxnSp macro="">
      <xdr:nvCxnSpPr>
        <xdr:cNvPr id="252" name="直線コネクタ 251"/>
        <xdr:cNvCxnSpPr/>
      </xdr:nvCxnSpPr>
      <xdr:spPr>
        <a:xfrm>
          <a:off x="16929100" y="15127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00136</xdr:rowOff>
    </xdr:from>
    <xdr:ext cx="762000" cy="259045"/>
    <xdr:sp macro="" textlink="">
      <xdr:nvSpPr>
        <xdr:cNvPr id="253" name="給与水準   （国との比較）最大値テキスト"/>
        <xdr:cNvSpPr txBox="1"/>
      </xdr:nvSpPr>
      <xdr:spPr>
        <a:xfrm>
          <a:off x="17106900" y="13644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3759</xdr:rowOff>
    </xdr:from>
    <xdr:to>
      <xdr:col>81</xdr:col>
      <xdr:colOff>133350</xdr:colOff>
      <xdr:row>81</xdr:row>
      <xdr:rowOff>13759</xdr:rowOff>
    </xdr:to>
    <xdr:cxnSp macro="">
      <xdr:nvCxnSpPr>
        <xdr:cNvPr id="254" name="直線コネクタ 253"/>
        <xdr:cNvCxnSpPr/>
      </xdr:nvCxnSpPr>
      <xdr:spPr>
        <a:xfrm>
          <a:off x="16929100" y="139012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81491</xdr:rowOff>
    </xdr:from>
    <xdr:to>
      <xdr:col>81</xdr:col>
      <xdr:colOff>44450</xdr:colOff>
      <xdr:row>86</xdr:row>
      <xdr:rowOff>121709</xdr:rowOff>
    </xdr:to>
    <xdr:cxnSp macro="">
      <xdr:nvCxnSpPr>
        <xdr:cNvPr id="255" name="直線コネクタ 254"/>
        <xdr:cNvCxnSpPr/>
      </xdr:nvCxnSpPr>
      <xdr:spPr>
        <a:xfrm flipV="1">
          <a:off x="16179800" y="14826191"/>
          <a:ext cx="8382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48818</xdr:rowOff>
    </xdr:from>
    <xdr:ext cx="762000" cy="259045"/>
    <xdr:sp macro="" textlink="">
      <xdr:nvSpPr>
        <xdr:cNvPr id="256" name="給与水準   （国との比較）平均値テキスト"/>
        <xdr:cNvSpPr txBox="1"/>
      </xdr:nvSpPr>
      <xdr:spPr>
        <a:xfrm>
          <a:off x="17106900" y="14379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7" name="フローチャート: 判断 256"/>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01600</xdr:rowOff>
    </xdr:from>
    <xdr:to>
      <xdr:col>77</xdr:col>
      <xdr:colOff>44450</xdr:colOff>
      <xdr:row>86</xdr:row>
      <xdr:rowOff>121709</xdr:rowOff>
    </xdr:to>
    <xdr:cxnSp macro="">
      <xdr:nvCxnSpPr>
        <xdr:cNvPr id="258" name="直線コネクタ 257"/>
        <xdr:cNvCxnSpPr/>
      </xdr:nvCxnSpPr>
      <xdr:spPr>
        <a:xfrm>
          <a:off x="15290800" y="14846300"/>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41275</xdr:rowOff>
    </xdr:from>
    <xdr:to>
      <xdr:col>77</xdr:col>
      <xdr:colOff>95250</xdr:colOff>
      <xdr:row>85</xdr:row>
      <xdr:rowOff>142875</xdr:rowOff>
    </xdr:to>
    <xdr:sp macro="" textlink="">
      <xdr:nvSpPr>
        <xdr:cNvPr id="259" name="フローチャート: 判断 258"/>
        <xdr:cNvSpPr/>
      </xdr:nvSpPr>
      <xdr:spPr>
        <a:xfrm>
          <a:off x="16129000" y="1461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53052</xdr:rowOff>
    </xdr:from>
    <xdr:ext cx="736600" cy="259045"/>
    <xdr:sp macro="" textlink="">
      <xdr:nvSpPr>
        <xdr:cNvPr id="260" name="テキスト ボックス 259"/>
        <xdr:cNvSpPr txBox="1"/>
      </xdr:nvSpPr>
      <xdr:spPr>
        <a:xfrm>
          <a:off x="15798800" y="143834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1384</xdr:rowOff>
    </xdr:from>
    <xdr:to>
      <xdr:col>72</xdr:col>
      <xdr:colOff>203200</xdr:colOff>
      <xdr:row>86</xdr:row>
      <xdr:rowOff>101600</xdr:rowOff>
    </xdr:to>
    <xdr:cxnSp macro="">
      <xdr:nvCxnSpPr>
        <xdr:cNvPr id="261" name="直線コネクタ 260"/>
        <xdr:cNvCxnSpPr/>
      </xdr:nvCxnSpPr>
      <xdr:spPr>
        <a:xfrm>
          <a:off x="14401800" y="1480608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2" name="フローチャート: 判断 261"/>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72618</xdr:rowOff>
    </xdr:from>
    <xdr:ext cx="762000" cy="259045"/>
    <xdr:sp macro="" textlink="">
      <xdr:nvSpPr>
        <xdr:cNvPr id="263" name="テキスト ボックス 262"/>
        <xdr:cNvSpPr txBox="1"/>
      </xdr:nvSpPr>
      <xdr:spPr>
        <a:xfrm>
          <a:off x="14909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61384</xdr:rowOff>
    </xdr:from>
    <xdr:to>
      <xdr:col>68</xdr:col>
      <xdr:colOff>152400</xdr:colOff>
      <xdr:row>89</xdr:row>
      <xdr:rowOff>110066</xdr:rowOff>
    </xdr:to>
    <xdr:cxnSp macro="">
      <xdr:nvCxnSpPr>
        <xdr:cNvPr id="264" name="直線コネクタ 263"/>
        <xdr:cNvCxnSpPr/>
      </xdr:nvCxnSpPr>
      <xdr:spPr>
        <a:xfrm flipV="1">
          <a:off x="13512800" y="14806084"/>
          <a:ext cx="889000" cy="563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5" name="フローチャート: 判断 264"/>
        <xdr:cNvSpPr/>
      </xdr:nvSpPr>
      <xdr:spPr>
        <a:xfrm>
          <a:off x="14351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12836</xdr:rowOff>
    </xdr:from>
    <xdr:ext cx="762000" cy="259045"/>
    <xdr:sp macro="" textlink="">
      <xdr:nvSpPr>
        <xdr:cNvPr id="266" name="テキスト ボックス 265"/>
        <xdr:cNvSpPr txBox="1"/>
      </xdr:nvSpPr>
      <xdr:spPr>
        <a:xfrm>
          <a:off x="14020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67" name="フローチャート: 判断 266"/>
        <xdr:cNvSpPr/>
      </xdr:nvSpPr>
      <xdr:spPr>
        <a:xfrm>
          <a:off x="13462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62577</xdr:rowOff>
    </xdr:from>
    <xdr:ext cx="762000" cy="259045"/>
    <xdr:sp macro="" textlink="">
      <xdr:nvSpPr>
        <xdr:cNvPr id="268" name="テキスト ボックス 267"/>
        <xdr:cNvSpPr txBox="1"/>
      </xdr:nvSpPr>
      <xdr:spPr>
        <a:xfrm>
          <a:off x="13131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0691</xdr:rowOff>
    </xdr:from>
    <xdr:to>
      <xdr:col>81</xdr:col>
      <xdr:colOff>95250</xdr:colOff>
      <xdr:row>86</xdr:row>
      <xdr:rowOff>132291</xdr:rowOff>
    </xdr:to>
    <xdr:sp macro="" textlink="">
      <xdr:nvSpPr>
        <xdr:cNvPr id="274" name="楕円 273"/>
        <xdr:cNvSpPr/>
      </xdr:nvSpPr>
      <xdr:spPr>
        <a:xfrm>
          <a:off x="16967200" y="1477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2768</xdr:rowOff>
    </xdr:from>
    <xdr:ext cx="762000" cy="259045"/>
    <xdr:sp macro="" textlink="">
      <xdr:nvSpPr>
        <xdr:cNvPr id="275" name="給与水準   （国との比較）該当値テキスト"/>
        <xdr:cNvSpPr txBox="1"/>
      </xdr:nvSpPr>
      <xdr:spPr>
        <a:xfrm>
          <a:off x="17106900" y="14747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70909</xdr:rowOff>
    </xdr:from>
    <xdr:to>
      <xdr:col>77</xdr:col>
      <xdr:colOff>95250</xdr:colOff>
      <xdr:row>87</xdr:row>
      <xdr:rowOff>1059</xdr:rowOff>
    </xdr:to>
    <xdr:sp macro="" textlink="">
      <xdr:nvSpPr>
        <xdr:cNvPr id="276" name="楕円 275"/>
        <xdr:cNvSpPr/>
      </xdr:nvSpPr>
      <xdr:spPr>
        <a:xfrm>
          <a:off x="16129000" y="1481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57286</xdr:rowOff>
    </xdr:from>
    <xdr:ext cx="736600" cy="259045"/>
    <xdr:sp macro="" textlink="">
      <xdr:nvSpPr>
        <xdr:cNvPr id="277" name="テキスト ボックス 276"/>
        <xdr:cNvSpPr txBox="1"/>
      </xdr:nvSpPr>
      <xdr:spPr>
        <a:xfrm>
          <a:off x="15798800" y="149019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50800</xdr:rowOff>
    </xdr:from>
    <xdr:to>
      <xdr:col>73</xdr:col>
      <xdr:colOff>44450</xdr:colOff>
      <xdr:row>86</xdr:row>
      <xdr:rowOff>152400</xdr:rowOff>
    </xdr:to>
    <xdr:sp macro="" textlink="">
      <xdr:nvSpPr>
        <xdr:cNvPr id="278" name="楕円 277"/>
        <xdr:cNvSpPr/>
      </xdr:nvSpPr>
      <xdr:spPr>
        <a:xfrm>
          <a:off x="15240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37177</xdr:rowOff>
    </xdr:from>
    <xdr:ext cx="762000" cy="259045"/>
    <xdr:sp macro="" textlink="">
      <xdr:nvSpPr>
        <xdr:cNvPr id="279" name="テキスト ボックス 278"/>
        <xdr:cNvSpPr txBox="1"/>
      </xdr:nvSpPr>
      <xdr:spPr>
        <a:xfrm>
          <a:off x="14909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0584</xdr:rowOff>
    </xdr:from>
    <xdr:to>
      <xdr:col>68</xdr:col>
      <xdr:colOff>203200</xdr:colOff>
      <xdr:row>86</xdr:row>
      <xdr:rowOff>112184</xdr:rowOff>
    </xdr:to>
    <xdr:sp macro="" textlink="">
      <xdr:nvSpPr>
        <xdr:cNvPr id="280" name="楕円 279"/>
        <xdr:cNvSpPr/>
      </xdr:nvSpPr>
      <xdr:spPr>
        <a:xfrm>
          <a:off x="14351000" y="14755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96961</xdr:rowOff>
    </xdr:from>
    <xdr:ext cx="762000" cy="259045"/>
    <xdr:sp macro="" textlink="">
      <xdr:nvSpPr>
        <xdr:cNvPr id="281" name="テキスト ボックス 280"/>
        <xdr:cNvSpPr txBox="1"/>
      </xdr:nvSpPr>
      <xdr:spPr>
        <a:xfrm>
          <a:off x="14020800" y="14841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59266</xdr:rowOff>
    </xdr:from>
    <xdr:to>
      <xdr:col>64</xdr:col>
      <xdr:colOff>152400</xdr:colOff>
      <xdr:row>89</xdr:row>
      <xdr:rowOff>160866</xdr:rowOff>
    </xdr:to>
    <xdr:sp macro="" textlink="">
      <xdr:nvSpPr>
        <xdr:cNvPr id="282" name="楕円 281"/>
        <xdr:cNvSpPr/>
      </xdr:nvSpPr>
      <xdr:spPr>
        <a:xfrm>
          <a:off x="13462000" y="15318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145643</xdr:rowOff>
    </xdr:from>
    <xdr:ext cx="762000" cy="259045"/>
    <xdr:sp macro="" textlink="">
      <xdr:nvSpPr>
        <xdr:cNvPr id="283" name="テキスト ボックス 282"/>
        <xdr:cNvSpPr txBox="1"/>
      </xdr:nvSpPr>
      <xdr:spPr>
        <a:xfrm>
          <a:off x="13131800" y="154046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latin typeface="ＭＳ Ｐゴシック" panose="020B0600070205080204" pitchFamily="50" charset="-128"/>
              <a:ea typeface="ＭＳ Ｐゴシック" panose="020B0600070205080204" pitchFamily="50" charset="-128"/>
            </a:rPr>
            <a:t>平成</a:t>
          </a:r>
          <a:r>
            <a:rPr kumimoji="1" lang="en-US" altLang="ja-JP" sz="1000">
              <a:latin typeface="ＭＳ Ｐゴシック" panose="020B0600070205080204" pitchFamily="50" charset="-128"/>
              <a:ea typeface="ＭＳ Ｐゴシック" panose="020B0600070205080204" pitchFamily="50" charset="-128"/>
            </a:rPr>
            <a:t>14</a:t>
          </a:r>
          <a:r>
            <a:rPr kumimoji="1" lang="ja-JP" altLang="en-US" sz="1000">
              <a:latin typeface="ＭＳ Ｐゴシック" panose="020B0600070205080204" pitchFamily="50" charset="-128"/>
              <a:ea typeface="ＭＳ Ｐゴシック" panose="020B0600070205080204" pitchFamily="50" charset="-128"/>
            </a:rPr>
            <a:t>年度から平成</a:t>
          </a:r>
          <a:r>
            <a:rPr kumimoji="1" lang="en-US" altLang="ja-JP" sz="1000">
              <a:latin typeface="ＭＳ Ｐゴシック" panose="020B0600070205080204" pitchFamily="50" charset="-128"/>
              <a:ea typeface="ＭＳ Ｐゴシック" panose="020B0600070205080204" pitchFamily="50" charset="-128"/>
            </a:rPr>
            <a:t>25</a:t>
          </a:r>
          <a:r>
            <a:rPr kumimoji="1" lang="ja-JP" altLang="en-US" sz="1000">
              <a:latin typeface="ＭＳ Ｐゴシック" panose="020B0600070205080204" pitchFamily="50" charset="-128"/>
              <a:ea typeface="ＭＳ Ｐゴシック" panose="020B0600070205080204" pitchFamily="50" charset="-128"/>
            </a:rPr>
            <a:t>年度までの</a:t>
          </a:r>
          <a:r>
            <a:rPr kumimoji="1" lang="en-US" altLang="ja-JP" sz="1000">
              <a:latin typeface="ＭＳ Ｐゴシック" panose="020B0600070205080204" pitchFamily="50" charset="-128"/>
              <a:ea typeface="ＭＳ Ｐゴシック" panose="020B0600070205080204" pitchFamily="50" charset="-128"/>
            </a:rPr>
            <a:t>4</a:t>
          </a:r>
          <a:r>
            <a:rPr kumimoji="1" lang="ja-JP" altLang="en-US" sz="1000">
              <a:latin typeface="ＭＳ Ｐゴシック" panose="020B0600070205080204" pitchFamily="50" charset="-128"/>
              <a:ea typeface="ＭＳ Ｐゴシック" panose="020B0600070205080204" pitchFamily="50" charset="-128"/>
            </a:rPr>
            <a:t>次にわたる行財政改革プランの取組により、委託化、指定管理者制度の導入等の行政体制の再整備を行い、スリム化を図ることで、約</a:t>
          </a:r>
          <a:r>
            <a:rPr kumimoji="1" lang="en-US" altLang="ja-JP" sz="1000">
              <a:latin typeface="ＭＳ Ｐゴシック" panose="020B0600070205080204" pitchFamily="50" charset="-128"/>
              <a:ea typeface="ＭＳ Ｐゴシック" panose="020B0600070205080204" pitchFamily="50" charset="-128"/>
            </a:rPr>
            <a:t>3,000</a:t>
          </a:r>
          <a:r>
            <a:rPr kumimoji="1" lang="ja-JP" altLang="en-US" sz="1000">
              <a:latin typeface="ＭＳ Ｐゴシック" panose="020B0600070205080204" pitchFamily="50" charset="-128"/>
              <a:ea typeface="ＭＳ Ｐゴシック" panose="020B0600070205080204" pitchFamily="50" charset="-128"/>
            </a:rPr>
            <a:t>人の職員数を削減した。また、市役所内部の改革の推進に向け、平成</a:t>
          </a:r>
          <a:r>
            <a:rPr kumimoji="1" lang="en-US" altLang="ja-JP" sz="1000">
              <a:latin typeface="ＭＳ Ｐゴシック" panose="020B0600070205080204" pitchFamily="50" charset="-128"/>
              <a:ea typeface="ＭＳ Ｐゴシック" panose="020B0600070205080204" pitchFamily="50" charset="-128"/>
            </a:rPr>
            <a:t>26</a:t>
          </a:r>
          <a:r>
            <a:rPr kumimoji="1" lang="ja-JP" altLang="en-US" sz="1000">
              <a:latin typeface="ＭＳ Ｐゴシック" panose="020B0600070205080204" pitchFamily="50" charset="-128"/>
              <a:ea typeface="ＭＳ Ｐゴシック" panose="020B0600070205080204" pitchFamily="50" charset="-128"/>
            </a:rPr>
            <a:t>年</a:t>
          </a:r>
          <a:r>
            <a:rPr kumimoji="1" lang="en-US" altLang="ja-JP" sz="1000">
              <a:latin typeface="ＭＳ Ｐゴシック" panose="020B0600070205080204" pitchFamily="50" charset="-128"/>
              <a:ea typeface="ＭＳ Ｐゴシック" panose="020B0600070205080204" pitchFamily="50" charset="-128"/>
            </a:rPr>
            <a:t>3</a:t>
          </a:r>
          <a:r>
            <a:rPr kumimoji="1" lang="ja-JP" altLang="en-US" sz="1000">
              <a:latin typeface="ＭＳ Ｐゴシック" panose="020B0600070205080204" pitchFamily="50" charset="-128"/>
              <a:ea typeface="ＭＳ Ｐゴシック" panose="020B0600070205080204" pitchFamily="50" charset="-128"/>
            </a:rPr>
            <a:t>月に策定した「川崎市行財政運営に関する改革プログラム」に続き、平成</a:t>
          </a:r>
          <a:r>
            <a:rPr kumimoji="1" lang="en-US" altLang="ja-JP" sz="1000">
              <a:latin typeface="ＭＳ Ｐゴシック" panose="020B0600070205080204" pitchFamily="50" charset="-128"/>
              <a:ea typeface="ＭＳ Ｐゴシック" panose="020B0600070205080204" pitchFamily="50" charset="-128"/>
            </a:rPr>
            <a:t>28</a:t>
          </a:r>
          <a:r>
            <a:rPr kumimoji="1" lang="ja-JP" altLang="en-US" sz="1000">
              <a:latin typeface="ＭＳ Ｐゴシック" panose="020B0600070205080204" pitchFamily="50" charset="-128"/>
              <a:ea typeface="ＭＳ Ｐゴシック" panose="020B0600070205080204" pitchFamily="50" charset="-128"/>
            </a:rPr>
            <a:t>年</a:t>
          </a:r>
          <a:r>
            <a:rPr kumimoji="1" lang="en-US" altLang="ja-JP" sz="1000">
              <a:latin typeface="ＭＳ Ｐゴシック" panose="020B0600070205080204" pitchFamily="50" charset="-128"/>
              <a:ea typeface="ＭＳ Ｐゴシック" panose="020B0600070205080204" pitchFamily="50" charset="-128"/>
            </a:rPr>
            <a:t>3</a:t>
          </a:r>
          <a:r>
            <a:rPr kumimoji="1" lang="ja-JP" altLang="en-US" sz="1000">
              <a:latin typeface="ＭＳ Ｐゴシック" panose="020B0600070205080204" pitchFamily="50" charset="-128"/>
              <a:ea typeface="ＭＳ Ｐゴシック" panose="020B0600070205080204" pitchFamily="50" charset="-128"/>
            </a:rPr>
            <a:t>月に、平成</a:t>
          </a:r>
          <a:r>
            <a:rPr kumimoji="1" lang="en-US" altLang="ja-JP" sz="1000">
              <a:latin typeface="ＭＳ Ｐゴシック" panose="020B0600070205080204" pitchFamily="50" charset="-128"/>
              <a:ea typeface="ＭＳ Ｐゴシック" panose="020B0600070205080204" pitchFamily="50" charset="-128"/>
            </a:rPr>
            <a:t>28</a:t>
          </a:r>
          <a:r>
            <a:rPr kumimoji="1" lang="ja-JP" altLang="en-US" sz="1000">
              <a:latin typeface="ＭＳ Ｐゴシック" panose="020B0600070205080204" pitchFamily="50" charset="-128"/>
              <a:ea typeface="ＭＳ Ｐゴシック" panose="020B0600070205080204" pitchFamily="50" charset="-128"/>
            </a:rPr>
            <a:t>・</a:t>
          </a:r>
          <a:r>
            <a:rPr kumimoji="1" lang="en-US" altLang="ja-JP" sz="1000">
              <a:latin typeface="ＭＳ Ｐゴシック" panose="020B0600070205080204" pitchFamily="50" charset="-128"/>
              <a:ea typeface="ＭＳ Ｐゴシック" panose="020B0600070205080204" pitchFamily="50" charset="-128"/>
            </a:rPr>
            <a:t>29</a:t>
          </a:r>
          <a:r>
            <a:rPr kumimoji="1" lang="ja-JP" altLang="en-US" sz="1000">
              <a:latin typeface="ＭＳ Ｐゴシック" panose="020B0600070205080204" pitchFamily="50" charset="-128"/>
              <a:ea typeface="ＭＳ Ｐゴシック" panose="020B0600070205080204" pitchFamily="50" charset="-128"/>
            </a:rPr>
            <a:t>度を計画期間とする「川崎市行財政改革プログラム」を策定し、資源物収集、給食調理等の業務の委託化や、施設譲渡等の手法による公立保育所の民営化、指定管理者制度の更なる活用などに取り組んできた。平成</a:t>
          </a:r>
          <a:r>
            <a:rPr kumimoji="1" lang="en-US" altLang="ja-JP" sz="1000">
              <a:latin typeface="ＭＳ Ｐゴシック" panose="020B0600070205080204" pitchFamily="50" charset="-128"/>
              <a:ea typeface="ＭＳ Ｐゴシック" panose="020B0600070205080204" pitchFamily="50" charset="-128"/>
            </a:rPr>
            <a:t>30</a:t>
          </a:r>
          <a:r>
            <a:rPr kumimoji="1" lang="ja-JP" altLang="en-US" sz="1000">
              <a:latin typeface="ＭＳ Ｐゴシック" panose="020B0600070205080204" pitchFamily="50" charset="-128"/>
              <a:ea typeface="ＭＳ Ｐゴシック" panose="020B0600070205080204" pitchFamily="50" charset="-128"/>
            </a:rPr>
            <a:t>年度についても、平成</a:t>
          </a:r>
          <a:r>
            <a:rPr kumimoji="1" lang="en-US" altLang="ja-JP" sz="1000">
              <a:latin typeface="ＭＳ Ｐゴシック" panose="020B0600070205080204" pitchFamily="50" charset="-128"/>
              <a:ea typeface="ＭＳ Ｐゴシック" panose="020B0600070205080204" pitchFamily="50" charset="-128"/>
            </a:rPr>
            <a:t>30</a:t>
          </a:r>
          <a:r>
            <a:rPr kumimoji="1" lang="ja-JP" altLang="en-US" sz="1000">
              <a:latin typeface="ＭＳ Ｐゴシック" panose="020B0600070205080204" pitchFamily="50" charset="-128"/>
              <a:ea typeface="ＭＳ Ｐゴシック" panose="020B0600070205080204" pitchFamily="50" charset="-128"/>
            </a:rPr>
            <a:t>年</a:t>
          </a:r>
          <a:r>
            <a:rPr kumimoji="1" lang="en-US" altLang="ja-JP" sz="1000">
              <a:latin typeface="ＭＳ Ｐゴシック" panose="020B0600070205080204" pitchFamily="50" charset="-128"/>
              <a:ea typeface="ＭＳ Ｐゴシック" panose="020B0600070205080204" pitchFamily="50" charset="-128"/>
            </a:rPr>
            <a:t>3</a:t>
          </a:r>
          <a:r>
            <a:rPr kumimoji="1" lang="ja-JP" altLang="en-US" sz="1000">
              <a:latin typeface="ＭＳ Ｐゴシック" panose="020B0600070205080204" pitchFamily="50" charset="-128"/>
              <a:ea typeface="ＭＳ Ｐゴシック" panose="020B0600070205080204" pitchFamily="50" charset="-128"/>
            </a:rPr>
            <a:t>月に策定した平成</a:t>
          </a:r>
          <a:r>
            <a:rPr kumimoji="1" lang="en-US" altLang="ja-JP" sz="1000">
              <a:latin typeface="ＭＳ Ｐゴシック" panose="020B0600070205080204" pitchFamily="50" charset="-128"/>
              <a:ea typeface="ＭＳ Ｐゴシック" panose="020B0600070205080204" pitchFamily="50" charset="-128"/>
            </a:rPr>
            <a:t>30</a:t>
          </a:r>
          <a:r>
            <a:rPr kumimoji="1" lang="ja-JP" altLang="en-US" sz="1000">
              <a:latin typeface="ＭＳ Ｐゴシック" panose="020B0600070205080204" pitchFamily="50" charset="-128"/>
              <a:ea typeface="ＭＳ Ｐゴシック" panose="020B0600070205080204" pitchFamily="50" charset="-128"/>
            </a:rPr>
            <a:t>～</a:t>
          </a:r>
          <a:r>
            <a:rPr kumimoji="1" lang="en-US" altLang="ja-JP" sz="1000">
              <a:latin typeface="ＭＳ Ｐゴシック" panose="020B0600070205080204" pitchFamily="50" charset="-128"/>
              <a:ea typeface="ＭＳ Ｐゴシック" panose="020B0600070205080204" pitchFamily="50" charset="-128"/>
            </a:rPr>
            <a:t>33</a:t>
          </a:r>
          <a:r>
            <a:rPr kumimoji="1" lang="ja-JP" altLang="en-US" sz="1000">
              <a:latin typeface="ＭＳ Ｐゴシック" panose="020B0600070205080204" pitchFamily="50" charset="-128"/>
              <a:ea typeface="ＭＳ Ｐゴシック" panose="020B0600070205080204" pitchFamily="50" charset="-128"/>
            </a:rPr>
            <a:t>年度を計画期間とする「川崎市行財政改革第</a:t>
          </a:r>
          <a:r>
            <a:rPr kumimoji="1" lang="en-US" altLang="ja-JP" sz="1000">
              <a:latin typeface="ＭＳ Ｐゴシック" panose="020B0600070205080204" pitchFamily="50" charset="-128"/>
              <a:ea typeface="ＭＳ Ｐゴシック" panose="020B0600070205080204" pitchFamily="50" charset="-128"/>
            </a:rPr>
            <a:t>2</a:t>
          </a:r>
          <a:r>
            <a:rPr kumimoji="1" lang="ja-JP" altLang="en-US" sz="1000">
              <a:latin typeface="ＭＳ Ｐゴシック" panose="020B0600070205080204" pitchFamily="50" charset="-128"/>
              <a:ea typeface="ＭＳ Ｐゴシック" panose="020B0600070205080204" pitchFamily="50" charset="-128"/>
            </a:rPr>
            <a:t>期プログラム」に基づき、引き続きこれまでの取組に加えて、障害者施設の廃止や生活環境事業所執行体制の見直し等による内部の業務改善による事務執行の効率化などにより、限りある人材を最大限に活用した組織の最適化に取り組む。</a:t>
          </a: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0" name="直線コネクタ 299"/>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1" name="テキスト ボックス 300"/>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2" name="直線コネクタ 301"/>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3" name="テキスト ボックス 302"/>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4" name="直線コネクタ 303"/>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5" name="テキスト ボックス 304"/>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6" name="直線コネクタ 305"/>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07" name="テキスト ボックス 306"/>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9" name="テキスト ボックス 30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3</xdr:row>
      <xdr:rowOff>131191</xdr:rowOff>
    </xdr:from>
    <xdr:to>
      <xdr:col>81</xdr:col>
      <xdr:colOff>44450</xdr:colOff>
      <xdr:row>66</xdr:row>
      <xdr:rowOff>164592</xdr:rowOff>
    </xdr:to>
    <xdr:cxnSp macro="">
      <xdr:nvCxnSpPr>
        <xdr:cNvPr id="311" name="直線コネクタ 310"/>
        <xdr:cNvCxnSpPr/>
      </xdr:nvCxnSpPr>
      <xdr:spPr>
        <a:xfrm flipV="1">
          <a:off x="17018000" y="10932541"/>
          <a:ext cx="0" cy="5477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36669</xdr:rowOff>
    </xdr:from>
    <xdr:ext cx="762000" cy="259045"/>
    <xdr:sp macro="" textlink="">
      <xdr:nvSpPr>
        <xdr:cNvPr id="312" name="定員管理の状況最小値テキスト"/>
        <xdr:cNvSpPr txBox="1"/>
      </xdr:nvSpPr>
      <xdr:spPr>
        <a:xfrm>
          <a:off x="17106900" y="11452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64592</xdr:rowOff>
    </xdr:from>
    <xdr:to>
      <xdr:col>81</xdr:col>
      <xdr:colOff>133350</xdr:colOff>
      <xdr:row>66</xdr:row>
      <xdr:rowOff>164592</xdr:rowOff>
    </xdr:to>
    <xdr:cxnSp macro="">
      <xdr:nvCxnSpPr>
        <xdr:cNvPr id="313" name="直線コネクタ 312"/>
        <xdr:cNvCxnSpPr/>
      </xdr:nvCxnSpPr>
      <xdr:spPr>
        <a:xfrm>
          <a:off x="16929100" y="11480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46118</xdr:rowOff>
    </xdr:from>
    <xdr:ext cx="762000" cy="259045"/>
    <xdr:sp macro="" textlink="">
      <xdr:nvSpPr>
        <xdr:cNvPr id="314" name="定員管理の状況最大値テキスト"/>
        <xdr:cNvSpPr txBox="1"/>
      </xdr:nvSpPr>
      <xdr:spPr>
        <a:xfrm>
          <a:off x="17106900" y="106760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3</xdr:row>
      <xdr:rowOff>131191</xdr:rowOff>
    </xdr:from>
    <xdr:to>
      <xdr:col>81</xdr:col>
      <xdr:colOff>133350</xdr:colOff>
      <xdr:row>63</xdr:row>
      <xdr:rowOff>131191</xdr:rowOff>
    </xdr:to>
    <xdr:cxnSp macro="">
      <xdr:nvCxnSpPr>
        <xdr:cNvPr id="315" name="直線コネクタ 314"/>
        <xdr:cNvCxnSpPr/>
      </xdr:nvCxnSpPr>
      <xdr:spPr>
        <a:xfrm>
          <a:off x="16929100" y="109325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150368</xdr:rowOff>
    </xdr:from>
    <xdr:to>
      <xdr:col>81</xdr:col>
      <xdr:colOff>44450</xdr:colOff>
      <xdr:row>64</xdr:row>
      <xdr:rowOff>167259</xdr:rowOff>
    </xdr:to>
    <xdr:cxnSp macro="">
      <xdr:nvCxnSpPr>
        <xdr:cNvPr id="316" name="直線コネクタ 315"/>
        <xdr:cNvCxnSpPr/>
      </xdr:nvCxnSpPr>
      <xdr:spPr>
        <a:xfrm flipV="1">
          <a:off x="16179800" y="11123168"/>
          <a:ext cx="838200" cy="16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4</xdr:row>
      <xdr:rowOff>163339</xdr:rowOff>
    </xdr:from>
    <xdr:ext cx="762000" cy="259045"/>
    <xdr:sp macro="" textlink="">
      <xdr:nvSpPr>
        <xdr:cNvPr id="317" name="定員管理の状況平均値テキスト"/>
        <xdr:cNvSpPr txBox="1"/>
      </xdr:nvSpPr>
      <xdr:spPr>
        <a:xfrm>
          <a:off x="17106900" y="1113613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19812</xdr:rowOff>
    </xdr:from>
    <xdr:to>
      <xdr:col>81</xdr:col>
      <xdr:colOff>95250</xdr:colOff>
      <xdr:row>65</xdr:row>
      <xdr:rowOff>121412</xdr:rowOff>
    </xdr:to>
    <xdr:sp macro="" textlink="">
      <xdr:nvSpPr>
        <xdr:cNvPr id="318" name="フローチャート: 判断 317"/>
        <xdr:cNvSpPr/>
      </xdr:nvSpPr>
      <xdr:spPr>
        <a:xfrm>
          <a:off x="16967200" y="11164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4</xdr:row>
      <xdr:rowOff>167259</xdr:rowOff>
    </xdr:from>
    <xdr:to>
      <xdr:col>77</xdr:col>
      <xdr:colOff>44450</xdr:colOff>
      <xdr:row>65</xdr:row>
      <xdr:rowOff>15113</xdr:rowOff>
    </xdr:to>
    <xdr:cxnSp macro="">
      <xdr:nvCxnSpPr>
        <xdr:cNvPr id="319" name="直線コネクタ 318"/>
        <xdr:cNvCxnSpPr/>
      </xdr:nvCxnSpPr>
      <xdr:spPr>
        <a:xfrm flipV="1">
          <a:off x="15290800" y="11140059"/>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5</xdr:row>
      <xdr:rowOff>14986</xdr:rowOff>
    </xdr:from>
    <xdr:to>
      <xdr:col>77</xdr:col>
      <xdr:colOff>95250</xdr:colOff>
      <xdr:row>65</xdr:row>
      <xdr:rowOff>116586</xdr:rowOff>
    </xdr:to>
    <xdr:sp macro="" textlink="">
      <xdr:nvSpPr>
        <xdr:cNvPr id="320" name="フローチャート: 判断 319"/>
        <xdr:cNvSpPr/>
      </xdr:nvSpPr>
      <xdr:spPr>
        <a:xfrm>
          <a:off x="16129000" y="11159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5</xdr:row>
      <xdr:rowOff>101363</xdr:rowOff>
    </xdr:from>
    <xdr:ext cx="736600" cy="259045"/>
    <xdr:sp macro="" textlink="">
      <xdr:nvSpPr>
        <xdr:cNvPr id="321" name="テキスト ボックス 320"/>
        <xdr:cNvSpPr txBox="1"/>
      </xdr:nvSpPr>
      <xdr:spPr>
        <a:xfrm>
          <a:off x="15798800" y="112456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22047</xdr:rowOff>
    </xdr:from>
    <xdr:to>
      <xdr:col>72</xdr:col>
      <xdr:colOff>203200</xdr:colOff>
      <xdr:row>65</xdr:row>
      <xdr:rowOff>15113</xdr:rowOff>
    </xdr:to>
    <xdr:cxnSp macro="">
      <xdr:nvCxnSpPr>
        <xdr:cNvPr id="322" name="直線コネクタ 321"/>
        <xdr:cNvCxnSpPr/>
      </xdr:nvCxnSpPr>
      <xdr:spPr>
        <a:xfrm>
          <a:off x="14401800" y="10237597"/>
          <a:ext cx="889000" cy="921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5</xdr:row>
      <xdr:rowOff>22225</xdr:rowOff>
    </xdr:from>
    <xdr:to>
      <xdr:col>73</xdr:col>
      <xdr:colOff>44450</xdr:colOff>
      <xdr:row>65</xdr:row>
      <xdr:rowOff>123825</xdr:rowOff>
    </xdr:to>
    <xdr:sp macro="" textlink="">
      <xdr:nvSpPr>
        <xdr:cNvPr id="323" name="フローチャート: 判断 322"/>
        <xdr:cNvSpPr/>
      </xdr:nvSpPr>
      <xdr:spPr>
        <a:xfrm>
          <a:off x="15240000" y="1116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108602</xdr:rowOff>
    </xdr:from>
    <xdr:ext cx="762000" cy="259045"/>
    <xdr:sp macro="" textlink="">
      <xdr:nvSpPr>
        <xdr:cNvPr id="324" name="テキスト ボックス 323"/>
        <xdr:cNvSpPr txBox="1"/>
      </xdr:nvSpPr>
      <xdr:spPr>
        <a:xfrm>
          <a:off x="14909800" y="1125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22047</xdr:rowOff>
    </xdr:from>
    <xdr:to>
      <xdr:col>68</xdr:col>
      <xdr:colOff>152400</xdr:colOff>
      <xdr:row>59</xdr:row>
      <xdr:rowOff>146177</xdr:rowOff>
    </xdr:to>
    <xdr:cxnSp macro="">
      <xdr:nvCxnSpPr>
        <xdr:cNvPr id="325" name="直線コネクタ 324"/>
        <xdr:cNvCxnSpPr/>
      </xdr:nvCxnSpPr>
      <xdr:spPr>
        <a:xfrm flipV="1">
          <a:off x="13512800" y="10237597"/>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35052</xdr:rowOff>
    </xdr:from>
    <xdr:to>
      <xdr:col>68</xdr:col>
      <xdr:colOff>203200</xdr:colOff>
      <xdr:row>59</xdr:row>
      <xdr:rowOff>136652</xdr:rowOff>
    </xdr:to>
    <xdr:sp macro="" textlink="">
      <xdr:nvSpPr>
        <xdr:cNvPr id="326" name="フローチャート: 判断 325"/>
        <xdr:cNvSpPr/>
      </xdr:nvSpPr>
      <xdr:spPr>
        <a:xfrm>
          <a:off x="14351000" y="10150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46829</xdr:rowOff>
    </xdr:from>
    <xdr:ext cx="762000" cy="259045"/>
    <xdr:sp macro="" textlink="">
      <xdr:nvSpPr>
        <xdr:cNvPr id="327" name="テキスト ボックス 326"/>
        <xdr:cNvSpPr txBox="1"/>
      </xdr:nvSpPr>
      <xdr:spPr>
        <a:xfrm>
          <a:off x="14020800" y="9919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37465</xdr:rowOff>
    </xdr:from>
    <xdr:to>
      <xdr:col>64</xdr:col>
      <xdr:colOff>152400</xdr:colOff>
      <xdr:row>59</xdr:row>
      <xdr:rowOff>139065</xdr:rowOff>
    </xdr:to>
    <xdr:sp macro="" textlink="">
      <xdr:nvSpPr>
        <xdr:cNvPr id="328" name="フローチャート: 判断 327"/>
        <xdr:cNvSpPr/>
      </xdr:nvSpPr>
      <xdr:spPr>
        <a:xfrm>
          <a:off x="13462000" y="1015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49242</xdr:rowOff>
    </xdr:from>
    <xdr:ext cx="762000" cy="259045"/>
    <xdr:sp macro="" textlink="">
      <xdr:nvSpPr>
        <xdr:cNvPr id="329" name="テキスト ボックス 328"/>
        <xdr:cNvSpPr txBox="1"/>
      </xdr:nvSpPr>
      <xdr:spPr>
        <a:xfrm>
          <a:off x="13131800" y="9921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0" name="テキスト ボックス 32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1" name="テキスト ボックス 33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2" name="テキスト ボックス 33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3" name="テキスト ボックス 33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4" name="テキスト ボックス 33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4</xdr:row>
      <xdr:rowOff>99568</xdr:rowOff>
    </xdr:from>
    <xdr:to>
      <xdr:col>81</xdr:col>
      <xdr:colOff>95250</xdr:colOff>
      <xdr:row>65</xdr:row>
      <xdr:rowOff>29718</xdr:rowOff>
    </xdr:to>
    <xdr:sp macro="" textlink="">
      <xdr:nvSpPr>
        <xdr:cNvPr id="335" name="楕円 334"/>
        <xdr:cNvSpPr/>
      </xdr:nvSpPr>
      <xdr:spPr>
        <a:xfrm>
          <a:off x="16967200" y="11072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116095</xdr:rowOff>
    </xdr:from>
    <xdr:ext cx="762000" cy="259045"/>
    <xdr:sp macro="" textlink="">
      <xdr:nvSpPr>
        <xdr:cNvPr id="336" name="定員管理の状況該当値テキスト"/>
        <xdr:cNvSpPr txBox="1"/>
      </xdr:nvSpPr>
      <xdr:spPr>
        <a:xfrm>
          <a:off x="17106900" y="10917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4</xdr:row>
      <xdr:rowOff>116459</xdr:rowOff>
    </xdr:from>
    <xdr:to>
      <xdr:col>77</xdr:col>
      <xdr:colOff>95250</xdr:colOff>
      <xdr:row>65</xdr:row>
      <xdr:rowOff>46609</xdr:rowOff>
    </xdr:to>
    <xdr:sp macro="" textlink="">
      <xdr:nvSpPr>
        <xdr:cNvPr id="337" name="楕円 336"/>
        <xdr:cNvSpPr/>
      </xdr:nvSpPr>
      <xdr:spPr>
        <a:xfrm>
          <a:off x="16129000" y="11089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56786</xdr:rowOff>
    </xdr:from>
    <xdr:ext cx="736600" cy="259045"/>
    <xdr:sp macro="" textlink="">
      <xdr:nvSpPr>
        <xdr:cNvPr id="338" name="テキスト ボックス 337"/>
        <xdr:cNvSpPr txBox="1"/>
      </xdr:nvSpPr>
      <xdr:spPr>
        <a:xfrm>
          <a:off x="15798800" y="108581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4</xdr:row>
      <xdr:rowOff>135763</xdr:rowOff>
    </xdr:from>
    <xdr:to>
      <xdr:col>73</xdr:col>
      <xdr:colOff>44450</xdr:colOff>
      <xdr:row>65</xdr:row>
      <xdr:rowOff>65913</xdr:rowOff>
    </xdr:to>
    <xdr:sp macro="" textlink="">
      <xdr:nvSpPr>
        <xdr:cNvPr id="339" name="楕円 338"/>
        <xdr:cNvSpPr/>
      </xdr:nvSpPr>
      <xdr:spPr>
        <a:xfrm>
          <a:off x="15240000" y="11108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76090</xdr:rowOff>
    </xdr:from>
    <xdr:ext cx="762000" cy="259045"/>
    <xdr:sp macro="" textlink="">
      <xdr:nvSpPr>
        <xdr:cNvPr id="340" name="テキスト ボックス 339"/>
        <xdr:cNvSpPr txBox="1"/>
      </xdr:nvSpPr>
      <xdr:spPr>
        <a:xfrm>
          <a:off x="14909800" y="10877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71247</xdr:rowOff>
    </xdr:from>
    <xdr:to>
      <xdr:col>68</xdr:col>
      <xdr:colOff>203200</xdr:colOff>
      <xdr:row>60</xdr:row>
      <xdr:rowOff>1397</xdr:rowOff>
    </xdr:to>
    <xdr:sp macro="" textlink="">
      <xdr:nvSpPr>
        <xdr:cNvPr id="341" name="楕円 340"/>
        <xdr:cNvSpPr/>
      </xdr:nvSpPr>
      <xdr:spPr>
        <a:xfrm>
          <a:off x="14351000" y="10186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57624</xdr:rowOff>
    </xdr:from>
    <xdr:ext cx="762000" cy="259045"/>
    <xdr:sp macro="" textlink="">
      <xdr:nvSpPr>
        <xdr:cNvPr id="342" name="テキスト ボックス 341"/>
        <xdr:cNvSpPr txBox="1"/>
      </xdr:nvSpPr>
      <xdr:spPr>
        <a:xfrm>
          <a:off x="14020800" y="102731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95377</xdr:rowOff>
    </xdr:from>
    <xdr:to>
      <xdr:col>64</xdr:col>
      <xdr:colOff>152400</xdr:colOff>
      <xdr:row>60</xdr:row>
      <xdr:rowOff>25527</xdr:rowOff>
    </xdr:to>
    <xdr:sp macro="" textlink="">
      <xdr:nvSpPr>
        <xdr:cNvPr id="343" name="楕円 342"/>
        <xdr:cNvSpPr/>
      </xdr:nvSpPr>
      <xdr:spPr>
        <a:xfrm>
          <a:off x="13462000" y="10210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0304</xdr:rowOff>
    </xdr:from>
    <xdr:ext cx="762000" cy="259045"/>
    <xdr:sp macro="" textlink="">
      <xdr:nvSpPr>
        <xdr:cNvPr id="344" name="テキスト ボックス 343"/>
        <xdr:cNvSpPr txBox="1"/>
      </xdr:nvSpPr>
      <xdr:spPr>
        <a:xfrm>
          <a:off x="13131800" y="10297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5" name="正方形/長方形 34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6" name="テキスト ボックス 34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7" name="テキスト ボックス 34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8" name="正方形/長方形 34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9" name="正方形/長方形 34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0" name="正方形/長方形 34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1" name="正方形/長方形 35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2" name="正方形/長方形 35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3" name="正方形/長方形 35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4" name="正方形/長方形 35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5" name="正方形/長方形 35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6" name="正方形/長方形 35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7" name="テキスト ボックス 35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本市の実質公債費比率は、税収増による標準財政規模の増などにより低下傾向であったが、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税収増により標準財政規模が増した一方で、満期一括償還積立金の増等により比率は上昇した。本市では、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月に「今後の財政運営の基本的な考え方」を定め、その１つに「将来負担の抑制」として、市債を適切に活用しながらも、若い世代や子どもたちにとって過度な将来負担とならないように、中長期的にプライマリーバランスの安定的な黒字の確保に努め、市債残高を適正に管理することを位置付けている。今後も、これらの考え方に基づき、「必要な施策・事業の着実な推進」と「持続可能な行財政基盤の構築」の両立に向けた財政運営を進める。</a:t>
          </a:r>
        </a:p>
      </xdr:txBody>
    </xdr:sp>
    <xdr:clientData/>
  </xdr:twoCellAnchor>
  <xdr:oneCellAnchor>
    <xdr:from>
      <xdr:col>61</xdr:col>
      <xdr:colOff>6350</xdr:colOff>
      <xdr:row>32</xdr:row>
      <xdr:rowOff>101600</xdr:rowOff>
    </xdr:from>
    <xdr:ext cx="298543" cy="225703"/>
    <xdr:sp macro="" textlink="">
      <xdr:nvSpPr>
        <xdr:cNvPr id="358" name="テキスト ボックス 35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9" name="直線コネクタ 35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0" name="テキスト ボックス 35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1" name="直線コネクタ 360"/>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2" name="テキスト ボックス 361"/>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3" name="直線コネクタ 362"/>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4" name="テキスト ボックス 363"/>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5" name="直線コネクタ 364"/>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6" name="テキスト ボックス 365"/>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7" name="直線コネクタ 366"/>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8" name="テキスト ボックス 367"/>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9" name="直線コネクタ 368"/>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0" name="テキスト ボックス 369"/>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1" name="直線コネクタ 370"/>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2</xdr:row>
      <xdr:rowOff>149877</xdr:rowOff>
    </xdr:from>
    <xdr:ext cx="762000" cy="259045"/>
    <xdr:sp macro="" textlink="">
      <xdr:nvSpPr>
        <xdr:cNvPr id="372" name="テキスト ボックス 371"/>
        <xdr:cNvSpPr txBox="1"/>
      </xdr:nvSpPr>
      <xdr:spPr>
        <a:xfrm>
          <a:off x="1206500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47</xdr:row>
      <xdr:rowOff>133350</xdr:rowOff>
    </xdr:to>
    <xdr:sp macro="" textlink="">
      <xdr:nvSpPr>
        <xdr:cNvPr id="373"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72672</xdr:rowOff>
    </xdr:from>
    <xdr:to>
      <xdr:col>81</xdr:col>
      <xdr:colOff>44450</xdr:colOff>
      <xdr:row>44</xdr:row>
      <xdr:rowOff>84667</xdr:rowOff>
    </xdr:to>
    <xdr:cxnSp macro="">
      <xdr:nvCxnSpPr>
        <xdr:cNvPr id="374" name="直線コネクタ 373"/>
        <xdr:cNvCxnSpPr/>
      </xdr:nvCxnSpPr>
      <xdr:spPr>
        <a:xfrm flipV="1">
          <a:off x="17018000" y="6073422"/>
          <a:ext cx="0" cy="155504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56744</xdr:rowOff>
    </xdr:from>
    <xdr:ext cx="762000" cy="259045"/>
    <xdr:sp macro="" textlink="">
      <xdr:nvSpPr>
        <xdr:cNvPr id="375" name="公債費負担の状況最小値テキスト"/>
        <xdr:cNvSpPr txBox="1"/>
      </xdr:nvSpPr>
      <xdr:spPr>
        <a:xfrm>
          <a:off x="17106900" y="760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84667</xdr:rowOff>
    </xdr:from>
    <xdr:to>
      <xdr:col>81</xdr:col>
      <xdr:colOff>133350</xdr:colOff>
      <xdr:row>44</xdr:row>
      <xdr:rowOff>84667</xdr:rowOff>
    </xdr:to>
    <xdr:cxnSp macro="">
      <xdr:nvCxnSpPr>
        <xdr:cNvPr id="376" name="直線コネクタ 375"/>
        <xdr:cNvCxnSpPr/>
      </xdr:nvCxnSpPr>
      <xdr:spPr>
        <a:xfrm>
          <a:off x="16929100" y="762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59049</xdr:rowOff>
    </xdr:from>
    <xdr:ext cx="762000" cy="259045"/>
    <xdr:sp macro="" textlink="">
      <xdr:nvSpPr>
        <xdr:cNvPr id="377" name="公債費負担の状況最大値テキスト"/>
        <xdr:cNvSpPr txBox="1"/>
      </xdr:nvSpPr>
      <xdr:spPr>
        <a:xfrm>
          <a:off x="17106900" y="5816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72672</xdr:rowOff>
    </xdr:from>
    <xdr:to>
      <xdr:col>81</xdr:col>
      <xdr:colOff>133350</xdr:colOff>
      <xdr:row>35</xdr:row>
      <xdr:rowOff>72672</xdr:rowOff>
    </xdr:to>
    <xdr:cxnSp macro="">
      <xdr:nvCxnSpPr>
        <xdr:cNvPr id="378" name="直線コネクタ 377"/>
        <xdr:cNvCxnSpPr/>
      </xdr:nvCxnSpPr>
      <xdr:spPr>
        <a:xfrm>
          <a:off x="16929100" y="6073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6933</xdr:rowOff>
    </xdr:from>
    <xdr:to>
      <xdr:col>81</xdr:col>
      <xdr:colOff>44450</xdr:colOff>
      <xdr:row>39</xdr:row>
      <xdr:rowOff>70555</xdr:rowOff>
    </xdr:to>
    <xdr:cxnSp macro="">
      <xdr:nvCxnSpPr>
        <xdr:cNvPr id="379" name="直線コネクタ 378"/>
        <xdr:cNvCxnSpPr/>
      </xdr:nvCxnSpPr>
      <xdr:spPr>
        <a:xfrm>
          <a:off x="16179800" y="6703483"/>
          <a:ext cx="838200" cy="5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85672</xdr:rowOff>
    </xdr:from>
    <xdr:ext cx="762000" cy="259045"/>
    <xdr:sp macro="" textlink="">
      <xdr:nvSpPr>
        <xdr:cNvPr id="380" name="公債費負担の状況平均値テキスト"/>
        <xdr:cNvSpPr txBox="1"/>
      </xdr:nvSpPr>
      <xdr:spPr>
        <a:xfrm>
          <a:off x="17106900" y="67722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13595</xdr:rowOff>
    </xdr:from>
    <xdr:to>
      <xdr:col>81</xdr:col>
      <xdr:colOff>95250</xdr:colOff>
      <xdr:row>40</xdr:row>
      <xdr:rowOff>43745</xdr:rowOff>
    </xdr:to>
    <xdr:sp macro="" textlink="">
      <xdr:nvSpPr>
        <xdr:cNvPr id="381" name="フローチャート: 判断 380"/>
        <xdr:cNvSpPr/>
      </xdr:nvSpPr>
      <xdr:spPr>
        <a:xfrm>
          <a:off x="16967200" y="6800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6933</xdr:rowOff>
    </xdr:from>
    <xdr:to>
      <xdr:col>77</xdr:col>
      <xdr:colOff>44450</xdr:colOff>
      <xdr:row>39</xdr:row>
      <xdr:rowOff>57150</xdr:rowOff>
    </xdr:to>
    <xdr:cxnSp macro="">
      <xdr:nvCxnSpPr>
        <xdr:cNvPr id="382" name="直線コネクタ 381"/>
        <xdr:cNvCxnSpPr/>
      </xdr:nvCxnSpPr>
      <xdr:spPr>
        <a:xfrm flipV="1">
          <a:off x="15290800" y="6703483"/>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83" name="フローチャート: 判断 382"/>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84" name="テキスト ボックス 383"/>
        <xdr:cNvSpPr txBox="1"/>
      </xdr:nvSpPr>
      <xdr:spPr>
        <a:xfrm>
          <a:off x="15798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57150</xdr:rowOff>
    </xdr:from>
    <xdr:to>
      <xdr:col>72</xdr:col>
      <xdr:colOff>203200</xdr:colOff>
      <xdr:row>39</xdr:row>
      <xdr:rowOff>97367</xdr:rowOff>
    </xdr:to>
    <xdr:cxnSp macro="">
      <xdr:nvCxnSpPr>
        <xdr:cNvPr id="385" name="直線コネクタ 384"/>
        <xdr:cNvCxnSpPr/>
      </xdr:nvCxnSpPr>
      <xdr:spPr>
        <a:xfrm flipV="1">
          <a:off x="14401800" y="6743700"/>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79022</xdr:rowOff>
    </xdr:from>
    <xdr:to>
      <xdr:col>73</xdr:col>
      <xdr:colOff>44450</xdr:colOff>
      <xdr:row>42</xdr:row>
      <xdr:rowOff>9172</xdr:rowOff>
    </xdr:to>
    <xdr:sp macro="" textlink="">
      <xdr:nvSpPr>
        <xdr:cNvPr id="386" name="フローチャート: 判断 385"/>
        <xdr:cNvSpPr/>
      </xdr:nvSpPr>
      <xdr:spPr>
        <a:xfrm>
          <a:off x="15240000" y="710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65399</xdr:rowOff>
    </xdr:from>
    <xdr:ext cx="762000" cy="259045"/>
    <xdr:sp macro="" textlink="">
      <xdr:nvSpPr>
        <xdr:cNvPr id="387" name="テキスト ボックス 386"/>
        <xdr:cNvSpPr txBox="1"/>
      </xdr:nvSpPr>
      <xdr:spPr>
        <a:xfrm>
          <a:off x="14909800" y="719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97367</xdr:rowOff>
    </xdr:from>
    <xdr:to>
      <xdr:col>68</xdr:col>
      <xdr:colOff>152400</xdr:colOff>
      <xdr:row>40</xdr:row>
      <xdr:rowOff>19755</xdr:rowOff>
    </xdr:to>
    <xdr:cxnSp macro="">
      <xdr:nvCxnSpPr>
        <xdr:cNvPr id="388" name="直線コネクタ 387"/>
        <xdr:cNvCxnSpPr/>
      </xdr:nvCxnSpPr>
      <xdr:spPr>
        <a:xfrm flipV="1">
          <a:off x="13512800" y="6783917"/>
          <a:ext cx="889000" cy="93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59455</xdr:rowOff>
    </xdr:from>
    <xdr:to>
      <xdr:col>68</xdr:col>
      <xdr:colOff>203200</xdr:colOff>
      <xdr:row>42</xdr:row>
      <xdr:rowOff>89605</xdr:rowOff>
    </xdr:to>
    <xdr:sp macro="" textlink="">
      <xdr:nvSpPr>
        <xdr:cNvPr id="389" name="フローチャート: 判断 388"/>
        <xdr:cNvSpPr/>
      </xdr:nvSpPr>
      <xdr:spPr>
        <a:xfrm>
          <a:off x="14351000" y="7188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74382</xdr:rowOff>
    </xdr:from>
    <xdr:ext cx="762000" cy="259045"/>
    <xdr:sp macro="" textlink="">
      <xdr:nvSpPr>
        <xdr:cNvPr id="390" name="テキスト ボックス 389"/>
        <xdr:cNvSpPr txBox="1"/>
      </xdr:nvSpPr>
      <xdr:spPr>
        <a:xfrm>
          <a:off x="14020800" y="72752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28222</xdr:rowOff>
    </xdr:from>
    <xdr:to>
      <xdr:col>64</xdr:col>
      <xdr:colOff>152400</xdr:colOff>
      <xdr:row>42</xdr:row>
      <xdr:rowOff>129822</xdr:rowOff>
    </xdr:to>
    <xdr:sp macro="" textlink="">
      <xdr:nvSpPr>
        <xdr:cNvPr id="391" name="フローチャート: 判断 390"/>
        <xdr:cNvSpPr/>
      </xdr:nvSpPr>
      <xdr:spPr>
        <a:xfrm>
          <a:off x="134620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14599</xdr:rowOff>
    </xdr:from>
    <xdr:ext cx="762000" cy="259045"/>
    <xdr:sp macro="" textlink="">
      <xdr:nvSpPr>
        <xdr:cNvPr id="392" name="テキスト ボックス 391"/>
        <xdr:cNvSpPr txBox="1"/>
      </xdr:nvSpPr>
      <xdr:spPr>
        <a:xfrm>
          <a:off x="13131800" y="7315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3" name="テキスト ボックス 392"/>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4" name="テキスト ボックス 393"/>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5" name="テキスト ボックス 394"/>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6" name="テキスト ボックス 395"/>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7" name="テキスト ボックス 396"/>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9755</xdr:rowOff>
    </xdr:from>
    <xdr:to>
      <xdr:col>81</xdr:col>
      <xdr:colOff>95250</xdr:colOff>
      <xdr:row>39</xdr:row>
      <xdr:rowOff>121355</xdr:rowOff>
    </xdr:to>
    <xdr:sp macro="" textlink="">
      <xdr:nvSpPr>
        <xdr:cNvPr id="398" name="楕円 397"/>
        <xdr:cNvSpPr/>
      </xdr:nvSpPr>
      <xdr:spPr>
        <a:xfrm>
          <a:off x="169672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36282</xdr:rowOff>
    </xdr:from>
    <xdr:ext cx="762000" cy="259045"/>
    <xdr:sp macro="" textlink="">
      <xdr:nvSpPr>
        <xdr:cNvPr id="399" name="公債費負担の状況該当値テキスト"/>
        <xdr:cNvSpPr txBox="1"/>
      </xdr:nvSpPr>
      <xdr:spPr>
        <a:xfrm>
          <a:off x="17106900" y="6551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37583</xdr:rowOff>
    </xdr:from>
    <xdr:to>
      <xdr:col>77</xdr:col>
      <xdr:colOff>95250</xdr:colOff>
      <xdr:row>39</xdr:row>
      <xdr:rowOff>67733</xdr:rowOff>
    </xdr:to>
    <xdr:sp macro="" textlink="">
      <xdr:nvSpPr>
        <xdr:cNvPr id="400" name="楕円 399"/>
        <xdr:cNvSpPr/>
      </xdr:nvSpPr>
      <xdr:spPr>
        <a:xfrm>
          <a:off x="16129000" y="6652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77910</xdr:rowOff>
    </xdr:from>
    <xdr:ext cx="736600" cy="259045"/>
    <xdr:sp macro="" textlink="">
      <xdr:nvSpPr>
        <xdr:cNvPr id="401" name="テキスト ボックス 400"/>
        <xdr:cNvSpPr txBox="1"/>
      </xdr:nvSpPr>
      <xdr:spPr>
        <a:xfrm>
          <a:off x="15798800" y="64215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6350</xdr:rowOff>
    </xdr:from>
    <xdr:to>
      <xdr:col>73</xdr:col>
      <xdr:colOff>44450</xdr:colOff>
      <xdr:row>39</xdr:row>
      <xdr:rowOff>107950</xdr:rowOff>
    </xdr:to>
    <xdr:sp macro="" textlink="">
      <xdr:nvSpPr>
        <xdr:cNvPr id="402" name="楕円 401"/>
        <xdr:cNvSpPr/>
      </xdr:nvSpPr>
      <xdr:spPr>
        <a:xfrm>
          <a:off x="15240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18127</xdr:rowOff>
    </xdr:from>
    <xdr:ext cx="762000" cy="259045"/>
    <xdr:sp macro="" textlink="">
      <xdr:nvSpPr>
        <xdr:cNvPr id="403" name="テキスト ボックス 402"/>
        <xdr:cNvSpPr txBox="1"/>
      </xdr:nvSpPr>
      <xdr:spPr>
        <a:xfrm>
          <a:off x="14909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46567</xdr:rowOff>
    </xdr:from>
    <xdr:to>
      <xdr:col>68</xdr:col>
      <xdr:colOff>203200</xdr:colOff>
      <xdr:row>39</xdr:row>
      <xdr:rowOff>148167</xdr:rowOff>
    </xdr:to>
    <xdr:sp macro="" textlink="">
      <xdr:nvSpPr>
        <xdr:cNvPr id="404" name="楕円 403"/>
        <xdr:cNvSpPr/>
      </xdr:nvSpPr>
      <xdr:spPr>
        <a:xfrm>
          <a:off x="14351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58344</xdr:rowOff>
    </xdr:from>
    <xdr:ext cx="762000" cy="259045"/>
    <xdr:sp macro="" textlink="">
      <xdr:nvSpPr>
        <xdr:cNvPr id="405" name="テキスト ボックス 404"/>
        <xdr:cNvSpPr txBox="1"/>
      </xdr:nvSpPr>
      <xdr:spPr>
        <a:xfrm>
          <a:off x="14020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40405</xdr:rowOff>
    </xdr:from>
    <xdr:to>
      <xdr:col>64</xdr:col>
      <xdr:colOff>152400</xdr:colOff>
      <xdr:row>40</xdr:row>
      <xdr:rowOff>70555</xdr:rowOff>
    </xdr:to>
    <xdr:sp macro="" textlink="">
      <xdr:nvSpPr>
        <xdr:cNvPr id="406" name="楕円 405"/>
        <xdr:cNvSpPr/>
      </xdr:nvSpPr>
      <xdr:spPr>
        <a:xfrm>
          <a:off x="13462000" y="6826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80732</xdr:rowOff>
    </xdr:from>
    <xdr:ext cx="762000" cy="259045"/>
    <xdr:sp macro="" textlink="">
      <xdr:nvSpPr>
        <xdr:cNvPr id="407" name="テキスト ボックス 406"/>
        <xdr:cNvSpPr txBox="1"/>
      </xdr:nvSpPr>
      <xdr:spPr>
        <a:xfrm>
          <a:off x="13131800" y="65958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8" name="正方形/長方形 407"/>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9" name="テキスト ボックス 408"/>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0" name="テキスト ボックス 409"/>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0.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1" name="正方形/長方形 410"/>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2" name="正方形/長方形 411"/>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3" name="正方形/長方形 412"/>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4" name="正方形/長方形 413"/>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5" name="正方形/長方形 414"/>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6" name="正方形/長方形 415"/>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7" name="正方形/長方形 416"/>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8" name="正方形/長方形 417"/>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9" name="正方形/長方形 418"/>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0" name="テキスト ボックス 419"/>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地方債現在高がおおよそ横ばいで推移しているものの、充当可能特定財源見込額や地方債現在高に係る基準財政需要額算入見込額の減等の影響により平成</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25</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年度以降は上昇傾向であったが、平成</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年度は地方債現在高に係る基準財政需要額算入見込額が減少した一方で、標準税収入額の増により標準財政規模が増加し、比率は低下した。本市では、平成</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年</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月に「今後の財政運営の基本的な考え方」を定め、その１つに「将来負担の抑制」として、市債を適切に活用しながらも、若い世代や子どもたちにとって過度な将来負担とならないように、中長期的にプライマリーバランスの安定的な黒字の確保に努め、市債残高を適正に管理することを位置付けている。今後も、これらの考え方に基づき、「必要な施策・事業の着実な推進」と「持続可能な行財政基盤の構築」の両立に向けた財政運営を進める。</a:t>
          </a:r>
        </a:p>
      </xdr:txBody>
    </xdr:sp>
    <xdr:clientData/>
  </xdr:twoCellAnchor>
  <xdr:oneCellAnchor>
    <xdr:from>
      <xdr:col>61</xdr:col>
      <xdr:colOff>6350</xdr:colOff>
      <xdr:row>10</xdr:row>
      <xdr:rowOff>63500</xdr:rowOff>
    </xdr:from>
    <xdr:ext cx="298543" cy="225703"/>
    <xdr:sp macro="" textlink="">
      <xdr:nvSpPr>
        <xdr:cNvPr id="421" name="テキスト ボックス 420"/>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2" name="直線コネクタ 421"/>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3" name="テキスト ボックス 422"/>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4" name="直線コネクタ 423"/>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5" name="テキスト ボックス 424"/>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6" name="直線コネクタ 425"/>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7" name="テキスト ボックス 426"/>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8" name="直線コネクタ 427"/>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9" name="テキスト ボックス 428"/>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0" name="直線コネクタ 429"/>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1" name="テキスト ボックス 430"/>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2" name="直線コネクタ 431"/>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3" name="テキスト ボックス 432"/>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136652</xdr:rowOff>
    </xdr:to>
    <xdr:cxnSp macro="">
      <xdr:nvCxnSpPr>
        <xdr:cNvPr id="436" name="直線コネクタ 435"/>
        <xdr:cNvCxnSpPr/>
      </xdr:nvCxnSpPr>
      <xdr:spPr>
        <a:xfrm flipV="1">
          <a:off x="17018000" y="2370667"/>
          <a:ext cx="0" cy="15378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08729</xdr:rowOff>
    </xdr:from>
    <xdr:ext cx="762000" cy="259045"/>
    <xdr:sp macro="" textlink="">
      <xdr:nvSpPr>
        <xdr:cNvPr id="437" name="将来負担の状況最小値テキスト"/>
        <xdr:cNvSpPr txBox="1"/>
      </xdr:nvSpPr>
      <xdr:spPr>
        <a:xfrm>
          <a:off x="17106900" y="3880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36652</xdr:rowOff>
    </xdr:from>
    <xdr:to>
      <xdr:col>81</xdr:col>
      <xdr:colOff>133350</xdr:colOff>
      <xdr:row>22</xdr:row>
      <xdr:rowOff>136652</xdr:rowOff>
    </xdr:to>
    <xdr:cxnSp macro="">
      <xdr:nvCxnSpPr>
        <xdr:cNvPr id="438" name="直線コネクタ 437"/>
        <xdr:cNvCxnSpPr/>
      </xdr:nvCxnSpPr>
      <xdr:spPr>
        <a:xfrm>
          <a:off x="16929100" y="390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39"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0" name="直線コネクタ 439"/>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81534</xdr:rowOff>
    </xdr:from>
    <xdr:to>
      <xdr:col>81</xdr:col>
      <xdr:colOff>44450</xdr:colOff>
      <xdr:row>19</xdr:row>
      <xdr:rowOff>91991</xdr:rowOff>
    </xdr:to>
    <xdr:cxnSp macro="">
      <xdr:nvCxnSpPr>
        <xdr:cNvPr id="441" name="直線コネクタ 440"/>
        <xdr:cNvCxnSpPr/>
      </xdr:nvCxnSpPr>
      <xdr:spPr>
        <a:xfrm flipV="1">
          <a:off x="16179800" y="3339084"/>
          <a:ext cx="838200" cy="10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7</xdr:row>
      <xdr:rowOff>35323</xdr:rowOff>
    </xdr:from>
    <xdr:ext cx="762000" cy="259045"/>
    <xdr:sp macro="" textlink="">
      <xdr:nvSpPr>
        <xdr:cNvPr id="442" name="将来負担の状況平均値テキスト"/>
        <xdr:cNvSpPr txBox="1"/>
      </xdr:nvSpPr>
      <xdr:spPr>
        <a:xfrm>
          <a:off x="17106900" y="29499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18796</xdr:rowOff>
    </xdr:from>
    <xdr:to>
      <xdr:col>81</xdr:col>
      <xdr:colOff>95250</xdr:colOff>
      <xdr:row>18</xdr:row>
      <xdr:rowOff>120396</xdr:rowOff>
    </xdr:to>
    <xdr:sp macro="" textlink="">
      <xdr:nvSpPr>
        <xdr:cNvPr id="443" name="フローチャート: 判断 442"/>
        <xdr:cNvSpPr/>
      </xdr:nvSpPr>
      <xdr:spPr>
        <a:xfrm>
          <a:off x="16967200" y="310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64643</xdr:rowOff>
    </xdr:from>
    <xdr:to>
      <xdr:col>77</xdr:col>
      <xdr:colOff>44450</xdr:colOff>
      <xdr:row>19</xdr:row>
      <xdr:rowOff>91991</xdr:rowOff>
    </xdr:to>
    <xdr:cxnSp macro="">
      <xdr:nvCxnSpPr>
        <xdr:cNvPr id="444" name="直線コネクタ 443"/>
        <xdr:cNvCxnSpPr/>
      </xdr:nvCxnSpPr>
      <xdr:spPr>
        <a:xfrm>
          <a:off x="15290800" y="3322193"/>
          <a:ext cx="889000" cy="27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8</xdr:row>
      <xdr:rowOff>86360</xdr:rowOff>
    </xdr:from>
    <xdr:to>
      <xdr:col>77</xdr:col>
      <xdr:colOff>95250</xdr:colOff>
      <xdr:row>19</xdr:row>
      <xdr:rowOff>16510</xdr:rowOff>
    </xdr:to>
    <xdr:sp macro="" textlink="">
      <xdr:nvSpPr>
        <xdr:cNvPr id="445" name="フローチャート: 判断 444"/>
        <xdr:cNvSpPr/>
      </xdr:nvSpPr>
      <xdr:spPr>
        <a:xfrm>
          <a:off x="16129000" y="317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26687</xdr:rowOff>
    </xdr:from>
    <xdr:ext cx="736600" cy="259045"/>
    <xdr:sp macro="" textlink="">
      <xdr:nvSpPr>
        <xdr:cNvPr id="446" name="テキスト ボックス 445"/>
        <xdr:cNvSpPr txBox="1"/>
      </xdr:nvSpPr>
      <xdr:spPr>
        <a:xfrm>
          <a:off x="15798800" y="2941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57404</xdr:rowOff>
    </xdr:from>
    <xdr:to>
      <xdr:col>72</xdr:col>
      <xdr:colOff>203200</xdr:colOff>
      <xdr:row>19</xdr:row>
      <xdr:rowOff>64643</xdr:rowOff>
    </xdr:to>
    <xdr:cxnSp macro="">
      <xdr:nvCxnSpPr>
        <xdr:cNvPr id="447" name="直線コネクタ 446"/>
        <xdr:cNvCxnSpPr/>
      </xdr:nvCxnSpPr>
      <xdr:spPr>
        <a:xfrm>
          <a:off x="14401800" y="3314954"/>
          <a:ext cx="8890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8</xdr:row>
      <xdr:rowOff>164380</xdr:rowOff>
    </xdr:from>
    <xdr:to>
      <xdr:col>73</xdr:col>
      <xdr:colOff>44450</xdr:colOff>
      <xdr:row>19</xdr:row>
      <xdr:rowOff>94530</xdr:rowOff>
    </xdr:to>
    <xdr:sp macro="" textlink="">
      <xdr:nvSpPr>
        <xdr:cNvPr id="448" name="フローチャート: 判断 447"/>
        <xdr:cNvSpPr/>
      </xdr:nvSpPr>
      <xdr:spPr>
        <a:xfrm>
          <a:off x="15240000" y="325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104707</xdr:rowOff>
    </xdr:from>
    <xdr:ext cx="762000" cy="259045"/>
    <xdr:sp macro="" textlink="">
      <xdr:nvSpPr>
        <xdr:cNvPr id="449" name="テキスト ボックス 448"/>
        <xdr:cNvSpPr txBox="1"/>
      </xdr:nvSpPr>
      <xdr:spPr>
        <a:xfrm>
          <a:off x="14909800" y="301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40513</xdr:rowOff>
    </xdr:from>
    <xdr:to>
      <xdr:col>68</xdr:col>
      <xdr:colOff>152400</xdr:colOff>
      <xdr:row>19</xdr:row>
      <xdr:rowOff>57404</xdr:rowOff>
    </xdr:to>
    <xdr:cxnSp macro="">
      <xdr:nvCxnSpPr>
        <xdr:cNvPr id="450" name="直線コネクタ 449"/>
        <xdr:cNvCxnSpPr/>
      </xdr:nvCxnSpPr>
      <xdr:spPr>
        <a:xfrm>
          <a:off x="13512800" y="3298063"/>
          <a:ext cx="889000" cy="16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9</xdr:row>
      <xdr:rowOff>61299</xdr:rowOff>
    </xdr:from>
    <xdr:to>
      <xdr:col>68</xdr:col>
      <xdr:colOff>203200</xdr:colOff>
      <xdr:row>19</xdr:row>
      <xdr:rowOff>162899</xdr:rowOff>
    </xdr:to>
    <xdr:sp macro="" textlink="">
      <xdr:nvSpPr>
        <xdr:cNvPr id="451" name="フローチャート: 判断 450"/>
        <xdr:cNvSpPr/>
      </xdr:nvSpPr>
      <xdr:spPr>
        <a:xfrm>
          <a:off x="14351000" y="3318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147676</xdr:rowOff>
    </xdr:from>
    <xdr:ext cx="762000" cy="259045"/>
    <xdr:sp macro="" textlink="">
      <xdr:nvSpPr>
        <xdr:cNvPr id="452" name="テキスト ボックス 451"/>
        <xdr:cNvSpPr txBox="1"/>
      </xdr:nvSpPr>
      <xdr:spPr>
        <a:xfrm>
          <a:off x="14020800" y="34052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127254</xdr:rowOff>
    </xdr:from>
    <xdr:to>
      <xdr:col>64</xdr:col>
      <xdr:colOff>152400</xdr:colOff>
      <xdr:row>20</xdr:row>
      <xdr:rowOff>57404</xdr:rowOff>
    </xdr:to>
    <xdr:sp macro="" textlink="">
      <xdr:nvSpPr>
        <xdr:cNvPr id="453" name="フローチャート: 判断 452"/>
        <xdr:cNvSpPr/>
      </xdr:nvSpPr>
      <xdr:spPr>
        <a:xfrm>
          <a:off x="13462000" y="3384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0</xdr:row>
      <xdr:rowOff>42181</xdr:rowOff>
    </xdr:from>
    <xdr:ext cx="762000" cy="259045"/>
    <xdr:sp macro="" textlink="">
      <xdr:nvSpPr>
        <xdr:cNvPr id="454" name="テキスト ボックス 453"/>
        <xdr:cNvSpPr txBox="1"/>
      </xdr:nvSpPr>
      <xdr:spPr>
        <a:xfrm>
          <a:off x="13131800" y="3471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30734</xdr:rowOff>
    </xdr:from>
    <xdr:to>
      <xdr:col>81</xdr:col>
      <xdr:colOff>95250</xdr:colOff>
      <xdr:row>19</xdr:row>
      <xdr:rowOff>132334</xdr:rowOff>
    </xdr:to>
    <xdr:sp macro="" textlink="">
      <xdr:nvSpPr>
        <xdr:cNvPr id="460" name="楕円 459"/>
        <xdr:cNvSpPr/>
      </xdr:nvSpPr>
      <xdr:spPr>
        <a:xfrm>
          <a:off x="16967200" y="3288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9</xdr:row>
      <xdr:rowOff>2811</xdr:rowOff>
    </xdr:from>
    <xdr:ext cx="762000" cy="259045"/>
    <xdr:sp macro="" textlink="">
      <xdr:nvSpPr>
        <xdr:cNvPr id="461" name="将来負担の状況該当値テキスト"/>
        <xdr:cNvSpPr txBox="1"/>
      </xdr:nvSpPr>
      <xdr:spPr>
        <a:xfrm>
          <a:off x="17106900" y="3260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41191</xdr:rowOff>
    </xdr:from>
    <xdr:to>
      <xdr:col>77</xdr:col>
      <xdr:colOff>95250</xdr:colOff>
      <xdr:row>19</xdr:row>
      <xdr:rowOff>142791</xdr:rowOff>
    </xdr:to>
    <xdr:sp macro="" textlink="">
      <xdr:nvSpPr>
        <xdr:cNvPr id="462" name="楕円 461"/>
        <xdr:cNvSpPr/>
      </xdr:nvSpPr>
      <xdr:spPr>
        <a:xfrm>
          <a:off x="16129000" y="3298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127568</xdr:rowOff>
    </xdr:from>
    <xdr:ext cx="736600" cy="259045"/>
    <xdr:sp macro="" textlink="">
      <xdr:nvSpPr>
        <xdr:cNvPr id="463" name="テキスト ボックス 462"/>
        <xdr:cNvSpPr txBox="1"/>
      </xdr:nvSpPr>
      <xdr:spPr>
        <a:xfrm>
          <a:off x="15798800" y="33851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13843</xdr:rowOff>
    </xdr:from>
    <xdr:to>
      <xdr:col>73</xdr:col>
      <xdr:colOff>44450</xdr:colOff>
      <xdr:row>19</xdr:row>
      <xdr:rowOff>115443</xdr:rowOff>
    </xdr:to>
    <xdr:sp macro="" textlink="">
      <xdr:nvSpPr>
        <xdr:cNvPr id="464" name="楕円 463"/>
        <xdr:cNvSpPr/>
      </xdr:nvSpPr>
      <xdr:spPr>
        <a:xfrm>
          <a:off x="15240000" y="3271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100220</xdr:rowOff>
    </xdr:from>
    <xdr:ext cx="762000" cy="259045"/>
    <xdr:sp macro="" textlink="">
      <xdr:nvSpPr>
        <xdr:cNvPr id="465" name="テキスト ボックス 464"/>
        <xdr:cNvSpPr txBox="1"/>
      </xdr:nvSpPr>
      <xdr:spPr>
        <a:xfrm>
          <a:off x="14909800" y="33577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9</xdr:row>
      <xdr:rowOff>6604</xdr:rowOff>
    </xdr:from>
    <xdr:to>
      <xdr:col>68</xdr:col>
      <xdr:colOff>203200</xdr:colOff>
      <xdr:row>19</xdr:row>
      <xdr:rowOff>108204</xdr:rowOff>
    </xdr:to>
    <xdr:sp macro="" textlink="">
      <xdr:nvSpPr>
        <xdr:cNvPr id="466" name="楕円 465"/>
        <xdr:cNvSpPr/>
      </xdr:nvSpPr>
      <xdr:spPr>
        <a:xfrm>
          <a:off x="14351000" y="3264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118381</xdr:rowOff>
    </xdr:from>
    <xdr:ext cx="762000" cy="259045"/>
    <xdr:sp macro="" textlink="">
      <xdr:nvSpPr>
        <xdr:cNvPr id="467" name="テキスト ボックス 466"/>
        <xdr:cNvSpPr txBox="1"/>
      </xdr:nvSpPr>
      <xdr:spPr>
        <a:xfrm>
          <a:off x="14020800" y="3033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61163</xdr:rowOff>
    </xdr:from>
    <xdr:to>
      <xdr:col>64</xdr:col>
      <xdr:colOff>152400</xdr:colOff>
      <xdr:row>19</xdr:row>
      <xdr:rowOff>91313</xdr:rowOff>
    </xdr:to>
    <xdr:sp macro="" textlink="">
      <xdr:nvSpPr>
        <xdr:cNvPr id="468" name="楕円 467"/>
        <xdr:cNvSpPr/>
      </xdr:nvSpPr>
      <xdr:spPr>
        <a:xfrm>
          <a:off x="13462000" y="3247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01490</xdr:rowOff>
    </xdr:from>
    <xdr:ext cx="762000" cy="259045"/>
    <xdr:sp macro="" textlink="">
      <xdr:nvSpPr>
        <xdr:cNvPr id="469" name="テキスト ボックス 468"/>
        <xdr:cNvSpPr txBox="1"/>
      </xdr:nvSpPr>
      <xdr:spPr>
        <a:xfrm>
          <a:off x="13131800" y="3016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00,460
1,458,758
143.01
715,393,440
712,401,058
629,064
368,483,160
814,670,80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1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これまでの</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次にわたる行財政改革プランに基づく取組により、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4</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から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5</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において約</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0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人の職員を削減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人件費は増となっているものの、消費税率引上げの影響の平年度化による地方消費税交付金の増等により比率が低下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人件費は減となっているものの、経常一般財源の減により比率が増加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県費負担教職員の市費移管の影響により比率が上昇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教職員数の増により人件費は増となっているものの、市税収入の増等による経常一般財源の増により比率が低下した。</a:t>
          </a:r>
        </a:p>
        <a:p>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50800</xdr:rowOff>
    </xdr:from>
    <xdr:to>
      <xdr:col>24</xdr:col>
      <xdr:colOff>25400</xdr:colOff>
      <xdr:row>41</xdr:row>
      <xdr:rowOff>82550</xdr:rowOff>
    </xdr:to>
    <xdr:cxnSp macro="">
      <xdr:nvCxnSpPr>
        <xdr:cNvPr id="61" name="直線コネクタ 60"/>
        <xdr:cNvCxnSpPr/>
      </xdr:nvCxnSpPr>
      <xdr:spPr>
        <a:xfrm flipV="1">
          <a:off x="4826000" y="5880100"/>
          <a:ext cx="0" cy="1231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54627</xdr:rowOff>
    </xdr:from>
    <xdr:ext cx="762000" cy="259045"/>
    <xdr:sp macro="" textlink="">
      <xdr:nvSpPr>
        <xdr:cNvPr id="62" name="人件費最小値テキスト"/>
        <xdr:cNvSpPr txBox="1"/>
      </xdr:nvSpPr>
      <xdr:spPr>
        <a:xfrm>
          <a:off x="49149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82550</xdr:rowOff>
    </xdr:from>
    <xdr:to>
      <xdr:col>24</xdr:col>
      <xdr:colOff>114300</xdr:colOff>
      <xdr:row>41</xdr:row>
      <xdr:rowOff>82550</xdr:rowOff>
    </xdr:to>
    <xdr:cxnSp macro="">
      <xdr:nvCxnSpPr>
        <xdr:cNvPr id="63" name="直線コネクタ 62"/>
        <xdr:cNvCxnSpPr/>
      </xdr:nvCxnSpPr>
      <xdr:spPr>
        <a:xfrm>
          <a:off x="4737100" y="7112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37177</xdr:rowOff>
    </xdr:from>
    <xdr:ext cx="762000" cy="259045"/>
    <xdr:sp macro="" textlink="">
      <xdr:nvSpPr>
        <xdr:cNvPr id="64" name="人件費最大値テキスト"/>
        <xdr:cNvSpPr txBox="1"/>
      </xdr:nvSpPr>
      <xdr:spPr>
        <a:xfrm>
          <a:off x="4914900" y="562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50800</xdr:rowOff>
    </xdr:from>
    <xdr:to>
      <xdr:col>24</xdr:col>
      <xdr:colOff>114300</xdr:colOff>
      <xdr:row>34</xdr:row>
      <xdr:rowOff>50800</xdr:rowOff>
    </xdr:to>
    <xdr:cxnSp macro="">
      <xdr:nvCxnSpPr>
        <xdr:cNvPr id="65" name="直線コネクタ 64"/>
        <xdr:cNvCxnSpPr/>
      </xdr:nvCxnSpPr>
      <xdr:spPr>
        <a:xfrm>
          <a:off x="4737100" y="588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69850</xdr:rowOff>
    </xdr:from>
    <xdr:to>
      <xdr:col>24</xdr:col>
      <xdr:colOff>25400</xdr:colOff>
      <xdr:row>39</xdr:row>
      <xdr:rowOff>158750</xdr:rowOff>
    </xdr:to>
    <xdr:cxnSp macro="">
      <xdr:nvCxnSpPr>
        <xdr:cNvPr id="66" name="直線コネクタ 65"/>
        <xdr:cNvCxnSpPr/>
      </xdr:nvCxnSpPr>
      <xdr:spPr>
        <a:xfrm flipV="1">
          <a:off x="3987800" y="6756400"/>
          <a:ext cx="8382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41927</xdr:rowOff>
    </xdr:from>
    <xdr:ext cx="762000" cy="259045"/>
    <xdr:sp macro="" textlink="">
      <xdr:nvSpPr>
        <xdr:cNvPr id="67" name="人件費平均値テキスト"/>
        <xdr:cNvSpPr txBox="1"/>
      </xdr:nvSpPr>
      <xdr:spPr>
        <a:xfrm>
          <a:off x="4914900" y="6385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25400</xdr:rowOff>
    </xdr:from>
    <xdr:to>
      <xdr:col>24</xdr:col>
      <xdr:colOff>76200</xdr:colOff>
      <xdr:row>38</xdr:row>
      <xdr:rowOff>127000</xdr:rowOff>
    </xdr:to>
    <xdr:sp macro="" textlink="">
      <xdr:nvSpPr>
        <xdr:cNvPr id="68" name="フローチャート: 判断 67"/>
        <xdr:cNvSpPr/>
      </xdr:nvSpPr>
      <xdr:spPr>
        <a:xfrm>
          <a:off x="47752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4</xdr:row>
      <xdr:rowOff>25400</xdr:rowOff>
    </xdr:from>
    <xdr:to>
      <xdr:col>19</xdr:col>
      <xdr:colOff>187325</xdr:colOff>
      <xdr:row>39</xdr:row>
      <xdr:rowOff>158750</xdr:rowOff>
    </xdr:to>
    <xdr:cxnSp macro="">
      <xdr:nvCxnSpPr>
        <xdr:cNvPr id="69" name="直線コネクタ 68"/>
        <xdr:cNvCxnSpPr/>
      </xdr:nvCxnSpPr>
      <xdr:spPr>
        <a:xfrm>
          <a:off x="3098800" y="5854700"/>
          <a:ext cx="889000" cy="990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50800</xdr:rowOff>
    </xdr:from>
    <xdr:to>
      <xdr:col>20</xdr:col>
      <xdr:colOff>38100</xdr:colOff>
      <xdr:row>38</xdr:row>
      <xdr:rowOff>152400</xdr:rowOff>
    </xdr:to>
    <xdr:sp macro="" textlink="">
      <xdr:nvSpPr>
        <xdr:cNvPr id="70" name="フローチャート: 判断 69"/>
        <xdr:cNvSpPr/>
      </xdr:nvSpPr>
      <xdr:spPr>
        <a:xfrm>
          <a:off x="3937000" y="656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62577</xdr:rowOff>
    </xdr:from>
    <xdr:ext cx="736600" cy="259045"/>
    <xdr:sp macro="" textlink="">
      <xdr:nvSpPr>
        <xdr:cNvPr id="71" name="テキスト ボックス 70"/>
        <xdr:cNvSpPr txBox="1"/>
      </xdr:nvSpPr>
      <xdr:spPr>
        <a:xfrm>
          <a:off x="3606800" y="633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3</xdr:row>
      <xdr:rowOff>107950</xdr:rowOff>
    </xdr:from>
    <xdr:to>
      <xdr:col>15</xdr:col>
      <xdr:colOff>98425</xdr:colOff>
      <xdr:row>34</xdr:row>
      <xdr:rowOff>25400</xdr:rowOff>
    </xdr:to>
    <xdr:cxnSp macro="">
      <xdr:nvCxnSpPr>
        <xdr:cNvPr id="72" name="直線コネクタ 71"/>
        <xdr:cNvCxnSpPr/>
      </xdr:nvCxnSpPr>
      <xdr:spPr>
        <a:xfrm>
          <a:off x="2209800" y="57658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2</xdr:row>
      <xdr:rowOff>63500</xdr:rowOff>
    </xdr:from>
    <xdr:to>
      <xdr:col>15</xdr:col>
      <xdr:colOff>149225</xdr:colOff>
      <xdr:row>32</xdr:row>
      <xdr:rowOff>165100</xdr:rowOff>
    </xdr:to>
    <xdr:sp macro="" textlink="">
      <xdr:nvSpPr>
        <xdr:cNvPr id="73" name="フローチャート: 判断 72"/>
        <xdr:cNvSpPr/>
      </xdr:nvSpPr>
      <xdr:spPr>
        <a:xfrm>
          <a:off x="3048000" y="554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1</xdr:row>
      <xdr:rowOff>3827</xdr:rowOff>
    </xdr:from>
    <xdr:ext cx="762000" cy="259045"/>
    <xdr:sp macro="" textlink="">
      <xdr:nvSpPr>
        <xdr:cNvPr id="74" name="テキスト ボックス 73"/>
        <xdr:cNvSpPr txBox="1"/>
      </xdr:nvSpPr>
      <xdr:spPr>
        <a:xfrm>
          <a:off x="2717800" y="531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3</xdr:row>
      <xdr:rowOff>107950</xdr:rowOff>
    </xdr:from>
    <xdr:to>
      <xdr:col>11</xdr:col>
      <xdr:colOff>9525</xdr:colOff>
      <xdr:row>34</xdr:row>
      <xdr:rowOff>25400</xdr:rowOff>
    </xdr:to>
    <xdr:cxnSp macro="">
      <xdr:nvCxnSpPr>
        <xdr:cNvPr id="75" name="直線コネクタ 74"/>
        <xdr:cNvCxnSpPr/>
      </xdr:nvCxnSpPr>
      <xdr:spPr>
        <a:xfrm flipV="1">
          <a:off x="1320800" y="57658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2</xdr:row>
      <xdr:rowOff>12700</xdr:rowOff>
    </xdr:from>
    <xdr:to>
      <xdr:col>11</xdr:col>
      <xdr:colOff>60325</xdr:colOff>
      <xdr:row>32</xdr:row>
      <xdr:rowOff>114300</xdr:rowOff>
    </xdr:to>
    <xdr:sp macro="" textlink="">
      <xdr:nvSpPr>
        <xdr:cNvPr id="76" name="フローチャート: 判断 75"/>
        <xdr:cNvSpPr/>
      </xdr:nvSpPr>
      <xdr:spPr>
        <a:xfrm>
          <a:off x="2159000" y="549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0</xdr:row>
      <xdr:rowOff>124477</xdr:rowOff>
    </xdr:from>
    <xdr:ext cx="762000" cy="259045"/>
    <xdr:sp macro="" textlink="">
      <xdr:nvSpPr>
        <xdr:cNvPr id="77" name="テキスト ボックス 76"/>
        <xdr:cNvSpPr txBox="1"/>
      </xdr:nvSpPr>
      <xdr:spPr>
        <a:xfrm>
          <a:off x="1828800" y="526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2</xdr:row>
      <xdr:rowOff>63500</xdr:rowOff>
    </xdr:from>
    <xdr:to>
      <xdr:col>6</xdr:col>
      <xdr:colOff>171450</xdr:colOff>
      <xdr:row>32</xdr:row>
      <xdr:rowOff>165100</xdr:rowOff>
    </xdr:to>
    <xdr:sp macro="" textlink="">
      <xdr:nvSpPr>
        <xdr:cNvPr id="78" name="フローチャート: 判断 77"/>
        <xdr:cNvSpPr/>
      </xdr:nvSpPr>
      <xdr:spPr>
        <a:xfrm>
          <a:off x="1270000" y="554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1</xdr:row>
      <xdr:rowOff>3827</xdr:rowOff>
    </xdr:from>
    <xdr:ext cx="762000" cy="259045"/>
    <xdr:sp macro="" textlink="">
      <xdr:nvSpPr>
        <xdr:cNvPr id="79" name="テキスト ボックス 78"/>
        <xdr:cNvSpPr txBox="1"/>
      </xdr:nvSpPr>
      <xdr:spPr>
        <a:xfrm>
          <a:off x="939800" y="531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9050</xdr:rowOff>
    </xdr:from>
    <xdr:to>
      <xdr:col>24</xdr:col>
      <xdr:colOff>76200</xdr:colOff>
      <xdr:row>39</xdr:row>
      <xdr:rowOff>120650</xdr:rowOff>
    </xdr:to>
    <xdr:sp macro="" textlink="">
      <xdr:nvSpPr>
        <xdr:cNvPr id="85" name="楕円 84"/>
        <xdr:cNvSpPr/>
      </xdr:nvSpPr>
      <xdr:spPr>
        <a:xfrm>
          <a:off x="4775200" y="670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62577</xdr:rowOff>
    </xdr:from>
    <xdr:ext cx="762000" cy="259045"/>
    <xdr:sp macro="" textlink="">
      <xdr:nvSpPr>
        <xdr:cNvPr id="86" name="人件費該当値テキスト"/>
        <xdr:cNvSpPr txBox="1"/>
      </xdr:nvSpPr>
      <xdr:spPr>
        <a:xfrm>
          <a:off x="4914900" y="667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07950</xdr:rowOff>
    </xdr:from>
    <xdr:to>
      <xdr:col>20</xdr:col>
      <xdr:colOff>38100</xdr:colOff>
      <xdr:row>40</xdr:row>
      <xdr:rowOff>38100</xdr:rowOff>
    </xdr:to>
    <xdr:sp macro="" textlink="">
      <xdr:nvSpPr>
        <xdr:cNvPr id="87" name="楕円 86"/>
        <xdr:cNvSpPr/>
      </xdr:nvSpPr>
      <xdr:spPr>
        <a:xfrm>
          <a:off x="3937000" y="679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22877</xdr:rowOff>
    </xdr:from>
    <xdr:ext cx="736600" cy="259045"/>
    <xdr:sp macro="" textlink="">
      <xdr:nvSpPr>
        <xdr:cNvPr id="88" name="テキスト ボックス 87"/>
        <xdr:cNvSpPr txBox="1"/>
      </xdr:nvSpPr>
      <xdr:spPr>
        <a:xfrm>
          <a:off x="3606800" y="688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3</xdr:row>
      <xdr:rowOff>146050</xdr:rowOff>
    </xdr:from>
    <xdr:to>
      <xdr:col>15</xdr:col>
      <xdr:colOff>149225</xdr:colOff>
      <xdr:row>34</xdr:row>
      <xdr:rowOff>76200</xdr:rowOff>
    </xdr:to>
    <xdr:sp macro="" textlink="">
      <xdr:nvSpPr>
        <xdr:cNvPr id="89" name="楕円 88"/>
        <xdr:cNvSpPr/>
      </xdr:nvSpPr>
      <xdr:spPr>
        <a:xfrm>
          <a:off x="3048000" y="580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60977</xdr:rowOff>
    </xdr:from>
    <xdr:ext cx="762000" cy="259045"/>
    <xdr:sp macro="" textlink="">
      <xdr:nvSpPr>
        <xdr:cNvPr id="90" name="テキスト ボックス 89"/>
        <xdr:cNvSpPr txBox="1"/>
      </xdr:nvSpPr>
      <xdr:spPr>
        <a:xfrm>
          <a:off x="27178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3</xdr:row>
      <xdr:rowOff>57150</xdr:rowOff>
    </xdr:from>
    <xdr:to>
      <xdr:col>11</xdr:col>
      <xdr:colOff>60325</xdr:colOff>
      <xdr:row>33</xdr:row>
      <xdr:rowOff>158750</xdr:rowOff>
    </xdr:to>
    <xdr:sp macro="" textlink="">
      <xdr:nvSpPr>
        <xdr:cNvPr id="91" name="楕円 90"/>
        <xdr:cNvSpPr/>
      </xdr:nvSpPr>
      <xdr:spPr>
        <a:xfrm>
          <a:off x="2159000" y="571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43527</xdr:rowOff>
    </xdr:from>
    <xdr:ext cx="762000" cy="259045"/>
    <xdr:sp macro="" textlink="">
      <xdr:nvSpPr>
        <xdr:cNvPr id="92" name="テキスト ボックス 91"/>
        <xdr:cNvSpPr txBox="1"/>
      </xdr:nvSpPr>
      <xdr:spPr>
        <a:xfrm>
          <a:off x="1828800" y="580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3</xdr:row>
      <xdr:rowOff>146050</xdr:rowOff>
    </xdr:from>
    <xdr:to>
      <xdr:col>6</xdr:col>
      <xdr:colOff>171450</xdr:colOff>
      <xdr:row>34</xdr:row>
      <xdr:rowOff>76200</xdr:rowOff>
    </xdr:to>
    <xdr:sp macro="" textlink="">
      <xdr:nvSpPr>
        <xdr:cNvPr id="93" name="楕円 92"/>
        <xdr:cNvSpPr/>
      </xdr:nvSpPr>
      <xdr:spPr>
        <a:xfrm>
          <a:off x="1270000" y="580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60977</xdr:rowOff>
    </xdr:from>
    <xdr:ext cx="762000" cy="259045"/>
    <xdr:sp macro="" textlink="">
      <xdr:nvSpPr>
        <xdr:cNvPr id="94" name="テキスト ボックス 93"/>
        <xdr:cNvSpPr txBox="1"/>
      </xdr:nvSpPr>
      <xdr:spPr>
        <a:xfrm>
          <a:off x="9398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緊急雇用創出事業費の終了等による委託費の減等により比率が低下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Ｂ型肝炎ウイルス感染症予防接種の開始やごみ収集業務の委託範囲の拡大の影響等及び経常一般財源の減により比率が上昇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中学校完全給食実施の影響等により経常充当一財は増となったが、県費負担教職員の市費移管の影響による経常一般財源が増加したことにより、比率が低下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市税収入の増等による経常一般財源が増した一方で、中学校完全給食実施の通年化したこと等により比率が上昇した。</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3500</xdr:rowOff>
    </xdr:from>
    <xdr:to>
      <xdr:col>82</xdr:col>
      <xdr:colOff>107950</xdr:colOff>
      <xdr:row>22</xdr:row>
      <xdr:rowOff>50800</xdr:rowOff>
    </xdr:to>
    <xdr:cxnSp macro="">
      <xdr:nvCxnSpPr>
        <xdr:cNvPr id="122" name="直線コネクタ 121"/>
        <xdr:cNvCxnSpPr/>
      </xdr:nvCxnSpPr>
      <xdr:spPr>
        <a:xfrm flipV="1">
          <a:off x="16510000" y="24638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22877</xdr:rowOff>
    </xdr:from>
    <xdr:ext cx="762000" cy="259045"/>
    <xdr:sp macro="" textlink="">
      <xdr:nvSpPr>
        <xdr:cNvPr id="123" name="物件費最小値テキスト"/>
        <xdr:cNvSpPr txBox="1"/>
      </xdr:nvSpPr>
      <xdr:spPr>
        <a:xfrm>
          <a:off x="165989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50800</xdr:rowOff>
    </xdr:from>
    <xdr:to>
      <xdr:col>82</xdr:col>
      <xdr:colOff>196850</xdr:colOff>
      <xdr:row>22</xdr:row>
      <xdr:rowOff>50800</xdr:rowOff>
    </xdr:to>
    <xdr:cxnSp macro="">
      <xdr:nvCxnSpPr>
        <xdr:cNvPr id="124" name="直線コネクタ 123"/>
        <xdr:cNvCxnSpPr/>
      </xdr:nvCxnSpPr>
      <xdr:spPr>
        <a:xfrm>
          <a:off x="16421100" y="3822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49877</xdr:rowOff>
    </xdr:from>
    <xdr:ext cx="762000" cy="259045"/>
    <xdr:sp macro="" textlink="">
      <xdr:nvSpPr>
        <xdr:cNvPr id="125" name="物件費最大値テキスト"/>
        <xdr:cNvSpPr txBox="1"/>
      </xdr:nvSpPr>
      <xdr:spPr>
        <a:xfrm>
          <a:off x="16598900" y="220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3500</xdr:rowOff>
    </xdr:from>
    <xdr:to>
      <xdr:col>82</xdr:col>
      <xdr:colOff>196850</xdr:colOff>
      <xdr:row>14</xdr:row>
      <xdr:rowOff>63500</xdr:rowOff>
    </xdr:to>
    <xdr:cxnSp macro="">
      <xdr:nvCxnSpPr>
        <xdr:cNvPr id="126" name="直線コネクタ 125"/>
        <xdr:cNvCxnSpPr/>
      </xdr:nvCxnSpPr>
      <xdr:spPr>
        <a:xfrm>
          <a:off x="16421100" y="246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52400</xdr:rowOff>
    </xdr:from>
    <xdr:to>
      <xdr:col>82</xdr:col>
      <xdr:colOff>107950</xdr:colOff>
      <xdr:row>19</xdr:row>
      <xdr:rowOff>19050</xdr:rowOff>
    </xdr:to>
    <xdr:cxnSp macro="">
      <xdr:nvCxnSpPr>
        <xdr:cNvPr id="127" name="直線コネクタ 126"/>
        <xdr:cNvCxnSpPr/>
      </xdr:nvCxnSpPr>
      <xdr:spPr>
        <a:xfrm>
          <a:off x="15671800" y="32385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0177</xdr:rowOff>
    </xdr:from>
    <xdr:ext cx="762000" cy="259045"/>
    <xdr:sp macro="" textlink="">
      <xdr:nvSpPr>
        <xdr:cNvPr id="128" name="物件費平均値テキスト"/>
        <xdr:cNvSpPr txBox="1"/>
      </xdr:nvSpPr>
      <xdr:spPr>
        <a:xfrm>
          <a:off x="16598900" y="2753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5100</xdr:rowOff>
    </xdr:from>
    <xdr:to>
      <xdr:col>82</xdr:col>
      <xdr:colOff>158750</xdr:colOff>
      <xdr:row>17</xdr:row>
      <xdr:rowOff>95250</xdr:rowOff>
    </xdr:to>
    <xdr:sp macro="" textlink="">
      <xdr:nvSpPr>
        <xdr:cNvPr id="129" name="フローチャート: 判断 128"/>
        <xdr:cNvSpPr/>
      </xdr:nvSpPr>
      <xdr:spPr>
        <a:xfrm>
          <a:off x="16459200" y="290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52400</xdr:rowOff>
    </xdr:from>
    <xdr:to>
      <xdr:col>78</xdr:col>
      <xdr:colOff>69850</xdr:colOff>
      <xdr:row>19</xdr:row>
      <xdr:rowOff>146050</xdr:rowOff>
    </xdr:to>
    <xdr:cxnSp macro="">
      <xdr:nvCxnSpPr>
        <xdr:cNvPr id="130" name="直線コネクタ 129"/>
        <xdr:cNvCxnSpPr/>
      </xdr:nvCxnSpPr>
      <xdr:spPr>
        <a:xfrm flipV="1">
          <a:off x="14782800" y="3238500"/>
          <a:ext cx="8890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52400</xdr:rowOff>
    </xdr:from>
    <xdr:to>
      <xdr:col>78</xdr:col>
      <xdr:colOff>120650</xdr:colOff>
      <xdr:row>17</xdr:row>
      <xdr:rowOff>82550</xdr:rowOff>
    </xdr:to>
    <xdr:sp macro="" textlink="">
      <xdr:nvSpPr>
        <xdr:cNvPr id="131" name="フローチャート: 判断 130"/>
        <xdr:cNvSpPr/>
      </xdr:nvSpPr>
      <xdr:spPr>
        <a:xfrm>
          <a:off x="156210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92727</xdr:rowOff>
    </xdr:from>
    <xdr:ext cx="736600" cy="259045"/>
    <xdr:sp macro="" textlink="">
      <xdr:nvSpPr>
        <xdr:cNvPr id="132" name="テキスト ボックス 131"/>
        <xdr:cNvSpPr txBox="1"/>
      </xdr:nvSpPr>
      <xdr:spPr>
        <a:xfrm>
          <a:off x="15290800" y="2664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107950</xdr:rowOff>
    </xdr:from>
    <xdr:to>
      <xdr:col>73</xdr:col>
      <xdr:colOff>180975</xdr:colOff>
      <xdr:row>19</xdr:row>
      <xdr:rowOff>146050</xdr:rowOff>
    </xdr:to>
    <xdr:cxnSp macro="">
      <xdr:nvCxnSpPr>
        <xdr:cNvPr id="133" name="直線コネクタ 132"/>
        <xdr:cNvCxnSpPr/>
      </xdr:nvCxnSpPr>
      <xdr:spPr>
        <a:xfrm>
          <a:off x="13893800" y="3365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8</xdr:row>
      <xdr:rowOff>0</xdr:rowOff>
    </xdr:from>
    <xdr:to>
      <xdr:col>74</xdr:col>
      <xdr:colOff>31750</xdr:colOff>
      <xdr:row>18</xdr:row>
      <xdr:rowOff>101600</xdr:rowOff>
    </xdr:to>
    <xdr:sp macro="" textlink="">
      <xdr:nvSpPr>
        <xdr:cNvPr id="134" name="フローチャート: 判断 133"/>
        <xdr:cNvSpPr/>
      </xdr:nvSpPr>
      <xdr:spPr>
        <a:xfrm>
          <a:off x="14732000" y="308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11777</xdr:rowOff>
    </xdr:from>
    <xdr:ext cx="762000" cy="259045"/>
    <xdr:sp macro="" textlink="">
      <xdr:nvSpPr>
        <xdr:cNvPr id="135" name="テキスト ボックス 134"/>
        <xdr:cNvSpPr txBox="1"/>
      </xdr:nvSpPr>
      <xdr:spPr>
        <a:xfrm>
          <a:off x="14401800" y="285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9</xdr:row>
      <xdr:rowOff>107950</xdr:rowOff>
    </xdr:from>
    <xdr:to>
      <xdr:col>69</xdr:col>
      <xdr:colOff>92075</xdr:colOff>
      <xdr:row>20</xdr:row>
      <xdr:rowOff>12700</xdr:rowOff>
    </xdr:to>
    <xdr:cxnSp macro="">
      <xdr:nvCxnSpPr>
        <xdr:cNvPr id="136" name="直線コネクタ 135"/>
        <xdr:cNvCxnSpPr/>
      </xdr:nvCxnSpPr>
      <xdr:spPr>
        <a:xfrm flipV="1">
          <a:off x="13004800" y="3365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20650</xdr:rowOff>
    </xdr:from>
    <xdr:to>
      <xdr:col>69</xdr:col>
      <xdr:colOff>142875</xdr:colOff>
      <xdr:row>18</xdr:row>
      <xdr:rowOff>50800</xdr:rowOff>
    </xdr:to>
    <xdr:sp macro="" textlink="">
      <xdr:nvSpPr>
        <xdr:cNvPr id="137" name="フローチャート: 判断 136"/>
        <xdr:cNvSpPr/>
      </xdr:nvSpPr>
      <xdr:spPr>
        <a:xfrm>
          <a:off x="13843000" y="303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60977</xdr:rowOff>
    </xdr:from>
    <xdr:ext cx="762000" cy="259045"/>
    <xdr:sp macro="" textlink="">
      <xdr:nvSpPr>
        <xdr:cNvPr id="138" name="テキスト ボックス 137"/>
        <xdr:cNvSpPr txBox="1"/>
      </xdr:nvSpPr>
      <xdr:spPr>
        <a:xfrm>
          <a:off x="13512800" y="280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33350</xdr:rowOff>
    </xdr:from>
    <xdr:to>
      <xdr:col>65</xdr:col>
      <xdr:colOff>53975</xdr:colOff>
      <xdr:row>18</xdr:row>
      <xdr:rowOff>63500</xdr:rowOff>
    </xdr:to>
    <xdr:sp macro="" textlink="">
      <xdr:nvSpPr>
        <xdr:cNvPr id="139" name="フローチャート: 判断 138"/>
        <xdr:cNvSpPr/>
      </xdr:nvSpPr>
      <xdr:spPr>
        <a:xfrm>
          <a:off x="12954000" y="304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73677</xdr:rowOff>
    </xdr:from>
    <xdr:ext cx="762000" cy="259045"/>
    <xdr:sp macro="" textlink="">
      <xdr:nvSpPr>
        <xdr:cNvPr id="140" name="テキスト ボックス 139"/>
        <xdr:cNvSpPr txBox="1"/>
      </xdr:nvSpPr>
      <xdr:spPr>
        <a:xfrm>
          <a:off x="12623800" y="281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39700</xdr:rowOff>
    </xdr:from>
    <xdr:to>
      <xdr:col>82</xdr:col>
      <xdr:colOff>158750</xdr:colOff>
      <xdr:row>19</xdr:row>
      <xdr:rowOff>69850</xdr:rowOff>
    </xdr:to>
    <xdr:sp macro="" textlink="">
      <xdr:nvSpPr>
        <xdr:cNvPr id="146" name="楕円 145"/>
        <xdr:cNvSpPr/>
      </xdr:nvSpPr>
      <xdr:spPr>
        <a:xfrm>
          <a:off x="16459200" y="322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11777</xdr:rowOff>
    </xdr:from>
    <xdr:ext cx="762000" cy="259045"/>
    <xdr:sp macro="" textlink="">
      <xdr:nvSpPr>
        <xdr:cNvPr id="147" name="物件費該当値テキスト"/>
        <xdr:cNvSpPr txBox="1"/>
      </xdr:nvSpPr>
      <xdr:spPr>
        <a:xfrm>
          <a:off x="16598900" y="319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01600</xdr:rowOff>
    </xdr:from>
    <xdr:to>
      <xdr:col>78</xdr:col>
      <xdr:colOff>120650</xdr:colOff>
      <xdr:row>19</xdr:row>
      <xdr:rowOff>31750</xdr:rowOff>
    </xdr:to>
    <xdr:sp macro="" textlink="">
      <xdr:nvSpPr>
        <xdr:cNvPr id="148" name="楕円 147"/>
        <xdr:cNvSpPr/>
      </xdr:nvSpPr>
      <xdr:spPr>
        <a:xfrm>
          <a:off x="15621000" y="318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16527</xdr:rowOff>
    </xdr:from>
    <xdr:ext cx="736600" cy="259045"/>
    <xdr:sp macro="" textlink="">
      <xdr:nvSpPr>
        <xdr:cNvPr id="149" name="テキスト ボックス 148"/>
        <xdr:cNvSpPr txBox="1"/>
      </xdr:nvSpPr>
      <xdr:spPr>
        <a:xfrm>
          <a:off x="15290800" y="3274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95250</xdr:rowOff>
    </xdr:from>
    <xdr:to>
      <xdr:col>74</xdr:col>
      <xdr:colOff>31750</xdr:colOff>
      <xdr:row>20</xdr:row>
      <xdr:rowOff>25400</xdr:rowOff>
    </xdr:to>
    <xdr:sp macro="" textlink="">
      <xdr:nvSpPr>
        <xdr:cNvPr id="150" name="楕円 149"/>
        <xdr:cNvSpPr/>
      </xdr:nvSpPr>
      <xdr:spPr>
        <a:xfrm>
          <a:off x="14732000" y="335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10177</xdr:rowOff>
    </xdr:from>
    <xdr:ext cx="762000" cy="259045"/>
    <xdr:sp macro="" textlink="">
      <xdr:nvSpPr>
        <xdr:cNvPr id="151" name="テキスト ボックス 150"/>
        <xdr:cNvSpPr txBox="1"/>
      </xdr:nvSpPr>
      <xdr:spPr>
        <a:xfrm>
          <a:off x="14401800" y="343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57150</xdr:rowOff>
    </xdr:from>
    <xdr:to>
      <xdr:col>69</xdr:col>
      <xdr:colOff>142875</xdr:colOff>
      <xdr:row>19</xdr:row>
      <xdr:rowOff>158750</xdr:rowOff>
    </xdr:to>
    <xdr:sp macro="" textlink="">
      <xdr:nvSpPr>
        <xdr:cNvPr id="152" name="楕円 151"/>
        <xdr:cNvSpPr/>
      </xdr:nvSpPr>
      <xdr:spPr>
        <a:xfrm>
          <a:off x="13843000" y="331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43527</xdr:rowOff>
    </xdr:from>
    <xdr:ext cx="762000" cy="259045"/>
    <xdr:sp macro="" textlink="">
      <xdr:nvSpPr>
        <xdr:cNvPr id="153" name="テキスト ボックス 152"/>
        <xdr:cNvSpPr txBox="1"/>
      </xdr:nvSpPr>
      <xdr:spPr>
        <a:xfrm>
          <a:off x="13512800" y="340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133350</xdr:rowOff>
    </xdr:from>
    <xdr:to>
      <xdr:col>65</xdr:col>
      <xdr:colOff>53975</xdr:colOff>
      <xdr:row>20</xdr:row>
      <xdr:rowOff>63500</xdr:rowOff>
    </xdr:to>
    <xdr:sp macro="" textlink="">
      <xdr:nvSpPr>
        <xdr:cNvPr id="154" name="楕円 153"/>
        <xdr:cNvSpPr/>
      </xdr:nvSpPr>
      <xdr:spPr>
        <a:xfrm>
          <a:off x="12954000" y="339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48277</xdr:rowOff>
    </xdr:from>
    <xdr:ext cx="762000" cy="259045"/>
    <xdr:sp macro="" textlink="">
      <xdr:nvSpPr>
        <xdr:cNvPr id="155" name="テキスト ボックス 154"/>
        <xdr:cNvSpPr txBox="1"/>
      </xdr:nvSpPr>
      <xdr:spPr>
        <a:xfrm>
          <a:off x="12623800" y="347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保育所の待機児童対策などの子育て支援施策の強化や障害福祉サービスの利用者の増等により比率は上昇傾向にある。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5</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児童福祉費及び社会福祉費の増により上昇したが、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児童福祉費及び社会福祉費の増により経常充当一財は増となった一方で、県費負担教職員の市費移管の影響による経常一般財源が増加したことにより、比率が低下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市税収入の増等による経常一般財源が増した一方で、児童福祉費及び社会福祉費が増したことにより比率が上昇した。</a:t>
          </a:r>
        </a:p>
        <a:p>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0" name="直線コネクタ 169"/>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1" name="テキスト ボックス 170"/>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2" name="直線コネクタ 171"/>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3" name="テキスト ボックス 172"/>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4" name="直線コネクタ 173"/>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5" name="テキスト ボックス 174"/>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6" name="直線コネクタ 175"/>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7" name="テキスト ボックス 176"/>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8" name="直線コネクタ 177"/>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9" name="テキスト ボックス 178"/>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0" name="直線コネクタ 179"/>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1" name="テキスト ボックス 180"/>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7193</xdr:rowOff>
    </xdr:from>
    <xdr:to>
      <xdr:col>24</xdr:col>
      <xdr:colOff>25400</xdr:colOff>
      <xdr:row>60</xdr:row>
      <xdr:rowOff>143328</xdr:rowOff>
    </xdr:to>
    <xdr:cxnSp macro="">
      <xdr:nvCxnSpPr>
        <xdr:cNvPr id="185" name="直線コネクタ 184"/>
        <xdr:cNvCxnSpPr/>
      </xdr:nvCxnSpPr>
      <xdr:spPr>
        <a:xfrm flipV="1">
          <a:off x="4826000" y="9124043"/>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5405</xdr:rowOff>
    </xdr:from>
    <xdr:ext cx="762000" cy="259045"/>
    <xdr:sp macro="" textlink="">
      <xdr:nvSpPr>
        <xdr:cNvPr id="186" name="扶助費最小値テキスト"/>
        <xdr:cNvSpPr txBox="1"/>
      </xdr:nvSpPr>
      <xdr:spPr>
        <a:xfrm>
          <a:off x="4914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43328</xdr:rowOff>
    </xdr:from>
    <xdr:to>
      <xdr:col>24</xdr:col>
      <xdr:colOff>114300</xdr:colOff>
      <xdr:row>60</xdr:row>
      <xdr:rowOff>143328</xdr:rowOff>
    </xdr:to>
    <xdr:cxnSp macro="">
      <xdr:nvCxnSpPr>
        <xdr:cNvPr id="187" name="直線コネクタ 186"/>
        <xdr:cNvCxnSpPr/>
      </xdr:nvCxnSpPr>
      <xdr:spPr>
        <a:xfrm>
          <a:off x="4737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23570</xdr:rowOff>
    </xdr:from>
    <xdr:ext cx="762000" cy="259045"/>
    <xdr:sp macro="" textlink="">
      <xdr:nvSpPr>
        <xdr:cNvPr id="188" name="扶助費最大値テキスト"/>
        <xdr:cNvSpPr txBox="1"/>
      </xdr:nvSpPr>
      <xdr:spPr>
        <a:xfrm>
          <a:off x="4914900" y="8867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7193</xdr:rowOff>
    </xdr:from>
    <xdr:to>
      <xdr:col>24</xdr:col>
      <xdr:colOff>114300</xdr:colOff>
      <xdr:row>53</xdr:row>
      <xdr:rowOff>37193</xdr:rowOff>
    </xdr:to>
    <xdr:cxnSp macro="">
      <xdr:nvCxnSpPr>
        <xdr:cNvPr id="189" name="直線コネクタ 188"/>
        <xdr:cNvCxnSpPr/>
      </xdr:nvCxnSpPr>
      <xdr:spPr>
        <a:xfrm>
          <a:off x="4737100" y="9124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110672</xdr:rowOff>
    </xdr:from>
    <xdr:to>
      <xdr:col>24</xdr:col>
      <xdr:colOff>25400</xdr:colOff>
      <xdr:row>60</xdr:row>
      <xdr:rowOff>143328</xdr:rowOff>
    </xdr:to>
    <xdr:cxnSp macro="">
      <xdr:nvCxnSpPr>
        <xdr:cNvPr id="190" name="直線コネクタ 189"/>
        <xdr:cNvCxnSpPr/>
      </xdr:nvCxnSpPr>
      <xdr:spPr>
        <a:xfrm>
          <a:off x="3987800" y="10397672"/>
          <a:ext cx="8382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6205</xdr:rowOff>
    </xdr:from>
    <xdr:ext cx="762000" cy="259045"/>
    <xdr:sp macro="" textlink="">
      <xdr:nvSpPr>
        <xdr:cNvPr id="191" name="扶助費平均値テキスト"/>
        <xdr:cNvSpPr txBox="1"/>
      </xdr:nvSpPr>
      <xdr:spPr>
        <a:xfrm>
          <a:off x="4914900" y="97674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49678</xdr:rowOff>
    </xdr:from>
    <xdr:to>
      <xdr:col>24</xdr:col>
      <xdr:colOff>76200</xdr:colOff>
      <xdr:row>58</xdr:row>
      <xdr:rowOff>79828</xdr:rowOff>
    </xdr:to>
    <xdr:sp macro="" textlink="">
      <xdr:nvSpPr>
        <xdr:cNvPr id="192" name="フローチャート: 判断 191"/>
        <xdr:cNvSpPr/>
      </xdr:nvSpPr>
      <xdr:spPr>
        <a:xfrm>
          <a:off x="47752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110672</xdr:rowOff>
    </xdr:from>
    <xdr:to>
      <xdr:col>19</xdr:col>
      <xdr:colOff>187325</xdr:colOff>
      <xdr:row>62</xdr:row>
      <xdr:rowOff>29028</xdr:rowOff>
    </xdr:to>
    <xdr:cxnSp macro="">
      <xdr:nvCxnSpPr>
        <xdr:cNvPr id="193" name="直線コネクタ 192"/>
        <xdr:cNvCxnSpPr/>
      </xdr:nvCxnSpPr>
      <xdr:spPr>
        <a:xfrm flipV="1">
          <a:off x="3098800" y="10397672"/>
          <a:ext cx="889000" cy="261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84365</xdr:rowOff>
    </xdr:from>
    <xdr:to>
      <xdr:col>20</xdr:col>
      <xdr:colOff>38100</xdr:colOff>
      <xdr:row>58</xdr:row>
      <xdr:rowOff>14515</xdr:rowOff>
    </xdr:to>
    <xdr:sp macro="" textlink="">
      <xdr:nvSpPr>
        <xdr:cNvPr id="194" name="フローチャート: 判断 193"/>
        <xdr:cNvSpPr/>
      </xdr:nvSpPr>
      <xdr:spPr>
        <a:xfrm>
          <a:off x="3937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24692</xdr:rowOff>
    </xdr:from>
    <xdr:ext cx="736600" cy="259045"/>
    <xdr:sp macro="" textlink="">
      <xdr:nvSpPr>
        <xdr:cNvPr id="195" name="テキスト ボックス 194"/>
        <xdr:cNvSpPr txBox="1"/>
      </xdr:nvSpPr>
      <xdr:spPr>
        <a:xfrm>
          <a:off x="3606800" y="9625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1</xdr:row>
      <xdr:rowOff>37193</xdr:rowOff>
    </xdr:from>
    <xdr:to>
      <xdr:col>15</xdr:col>
      <xdr:colOff>98425</xdr:colOff>
      <xdr:row>62</xdr:row>
      <xdr:rowOff>29028</xdr:rowOff>
    </xdr:to>
    <xdr:cxnSp macro="">
      <xdr:nvCxnSpPr>
        <xdr:cNvPr id="196" name="直線コネクタ 195"/>
        <xdr:cNvCxnSpPr/>
      </xdr:nvCxnSpPr>
      <xdr:spPr>
        <a:xfrm>
          <a:off x="2209800" y="10495643"/>
          <a:ext cx="8890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9050</xdr:rowOff>
    </xdr:from>
    <xdr:to>
      <xdr:col>15</xdr:col>
      <xdr:colOff>149225</xdr:colOff>
      <xdr:row>59</xdr:row>
      <xdr:rowOff>120650</xdr:rowOff>
    </xdr:to>
    <xdr:sp macro="" textlink="">
      <xdr:nvSpPr>
        <xdr:cNvPr id="197" name="フローチャート: 判断 196"/>
        <xdr:cNvSpPr/>
      </xdr:nvSpPr>
      <xdr:spPr>
        <a:xfrm>
          <a:off x="3048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30827</xdr:rowOff>
    </xdr:from>
    <xdr:ext cx="762000" cy="259045"/>
    <xdr:sp macro="" textlink="">
      <xdr:nvSpPr>
        <xdr:cNvPr id="198" name="テキスト ボックス 197"/>
        <xdr:cNvSpPr txBox="1"/>
      </xdr:nvSpPr>
      <xdr:spPr>
        <a:xfrm>
          <a:off x="2717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1</xdr:row>
      <xdr:rowOff>4535</xdr:rowOff>
    </xdr:from>
    <xdr:to>
      <xdr:col>11</xdr:col>
      <xdr:colOff>9525</xdr:colOff>
      <xdr:row>61</xdr:row>
      <xdr:rowOff>37193</xdr:rowOff>
    </xdr:to>
    <xdr:cxnSp macro="">
      <xdr:nvCxnSpPr>
        <xdr:cNvPr id="199" name="直線コネクタ 198"/>
        <xdr:cNvCxnSpPr/>
      </xdr:nvCxnSpPr>
      <xdr:spPr>
        <a:xfrm>
          <a:off x="1320800" y="1046298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59872</xdr:rowOff>
    </xdr:from>
    <xdr:to>
      <xdr:col>11</xdr:col>
      <xdr:colOff>60325</xdr:colOff>
      <xdr:row>58</xdr:row>
      <xdr:rowOff>161472</xdr:rowOff>
    </xdr:to>
    <xdr:sp macro="" textlink="">
      <xdr:nvSpPr>
        <xdr:cNvPr id="200" name="フローチャート: 判断 199"/>
        <xdr:cNvSpPr/>
      </xdr:nvSpPr>
      <xdr:spPr>
        <a:xfrm>
          <a:off x="2159000" y="1000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99</xdr:rowOff>
    </xdr:from>
    <xdr:ext cx="762000" cy="259045"/>
    <xdr:sp macro="" textlink="">
      <xdr:nvSpPr>
        <xdr:cNvPr id="201" name="テキスト ボックス 200"/>
        <xdr:cNvSpPr txBox="1"/>
      </xdr:nvSpPr>
      <xdr:spPr>
        <a:xfrm>
          <a:off x="1828800" y="9772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25185</xdr:rowOff>
    </xdr:from>
    <xdr:to>
      <xdr:col>6</xdr:col>
      <xdr:colOff>171450</xdr:colOff>
      <xdr:row>59</xdr:row>
      <xdr:rowOff>55335</xdr:rowOff>
    </xdr:to>
    <xdr:sp macro="" textlink="">
      <xdr:nvSpPr>
        <xdr:cNvPr id="202" name="フローチャート: 判断 201"/>
        <xdr:cNvSpPr/>
      </xdr:nvSpPr>
      <xdr:spPr>
        <a:xfrm>
          <a:off x="1270000" y="10069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65512</xdr:rowOff>
    </xdr:from>
    <xdr:ext cx="762000" cy="259045"/>
    <xdr:sp macro="" textlink="">
      <xdr:nvSpPr>
        <xdr:cNvPr id="203" name="テキスト ボックス 202"/>
        <xdr:cNvSpPr txBox="1"/>
      </xdr:nvSpPr>
      <xdr:spPr>
        <a:xfrm>
          <a:off x="939800" y="9838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0</xdr:row>
      <xdr:rowOff>92528</xdr:rowOff>
    </xdr:from>
    <xdr:to>
      <xdr:col>24</xdr:col>
      <xdr:colOff>76200</xdr:colOff>
      <xdr:row>61</xdr:row>
      <xdr:rowOff>22678</xdr:rowOff>
    </xdr:to>
    <xdr:sp macro="" textlink="">
      <xdr:nvSpPr>
        <xdr:cNvPr id="209" name="楕円 208"/>
        <xdr:cNvSpPr/>
      </xdr:nvSpPr>
      <xdr:spPr>
        <a:xfrm>
          <a:off x="4775200" y="1037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0</xdr:row>
      <xdr:rowOff>1105</xdr:rowOff>
    </xdr:from>
    <xdr:ext cx="762000" cy="259045"/>
    <xdr:sp macro="" textlink="">
      <xdr:nvSpPr>
        <xdr:cNvPr id="210" name="扶助費該当値テキスト"/>
        <xdr:cNvSpPr txBox="1"/>
      </xdr:nvSpPr>
      <xdr:spPr>
        <a:xfrm>
          <a:off x="4914900" y="10288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59872</xdr:rowOff>
    </xdr:from>
    <xdr:to>
      <xdr:col>20</xdr:col>
      <xdr:colOff>38100</xdr:colOff>
      <xdr:row>60</xdr:row>
      <xdr:rowOff>161472</xdr:rowOff>
    </xdr:to>
    <xdr:sp macro="" textlink="">
      <xdr:nvSpPr>
        <xdr:cNvPr id="211" name="楕円 210"/>
        <xdr:cNvSpPr/>
      </xdr:nvSpPr>
      <xdr:spPr>
        <a:xfrm>
          <a:off x="3937000" y="1034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146249</xdr:rowOff>
    </xdr:from>
    <xdr:ext cx="736600" cy="259045"/>
    <xdr:sp macro="" textlink="">
      <xdr:nvSpPr>
        <xdr:cNvPr id="212" name="テキスト ボックス 211"/>
        <xdr:cNvSpPr txBox="1"/>
      </xdr:nvSpPr>
      <xdr:spPr>
        <a:xfrm>
          <a:off x="3606800" y="10433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1</xdr:row>
      <xdr:rowOff>149678</xdr:rowOff>
    </xdr:from>
    <xdr:to>
      <xdr:col>15</xdr:col>
      <xdr:colOff>149225</xdr:colOff>
      <xdr:row>62</xdr:row>
      <xdr:rowOff>79828</xdr:rowOff>
    </xdr:to>
    <xdr:sp macro="" textlink="">
      <xdr:nvSpPr>
        <xdr:cNvPr id="213" name="楕円 212"/>
        <xdr:cNvSpPr/>
      </xdr:nvSpPr>
      <xdr:spPr>
        <a:xfrm>
          <a:off x="3048000" y="10608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2</xdr:row>
      <xdr:rowOff>64605</xdr:rowOff>
    </xdr:from>
    <xdr:ext cx="762000" cy="259045"/>
    <xdr:sp macro="" textlink="">
      <xdr:nvSpPr>
        <xdr:cNvPr id="214" name="テキスト ボックス 213"/>
        <xdr:cNvSpPr txBox="1"/>
      </xdr:nvSpPr>
      <xdr:spPr>
        <a:xfrm>
          <a:off x="2717800" y="1069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157843</xdr:rowOff>
    </xdr:from>
    <xdr:to>
      <xdr:col>11</xdr:col>
      <xdr:colOff>60325</xdr:colOff>
      <xdr:row>61</xdr:row>
      <xdr:rowOff>87993</xdr:rowOff>
    </xdr:to>
    <xdr:sp macro="" textlink="">
      <xdr:nvSpPr>
        <xdr:cNvPr id="215" name="楕円 214"/>
        <xdr:cNvSpPr/>
      </xdr:nvSpPr>
      <xdr:spPr>
        <a:xfrm>
          <a:off x="2159000" y="10444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1</xdr:row>
      <xdr:rowOff>72770</xdr:rowOff>
    </xdr:from>
    <xdr:ext cx="762000" cy="259045"/>
    <xdr:sp macro="" textlink="">
      <xdr:nvSpPr>
        <xdr:cNvPr id="216" name="テキスト ボックス 215"/>
        <xdr:cNvSpPr txBox="1"/>
      </xdr:nvSpPr>
      <xdr:spPr>
        <a:xfrm>
          <a:off x="1828800" y="10531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125185</xdr:rowOff>
    </xdr:from>
    <xdr:to>
      <xdr:col>6</xdr:col>
      <xdr:colOff>171450</xdr:colOff>
      <xdr:row>61</xdr:row>
      <xdr:rowOff>55335</xdr:rowOff>
    </xdr:to>
    <xdr:sp macro="" textlink="">
      <xdr:nvSpPr>
        <xdr:cNvPr id="217" name="楕円 216"/>
        <xdr:cNvSpPr/>
      </xdr:nvSpPr>
      <xdr:spPr>
        <a:xfrm>
          <a:off x="1270000" y="10412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1</xdr:row>
      <xdr:rowOff>40112</xdr:rowOff>
    </xdr:from>
    <xdr:ext cx="762000" cy="259045"/>
    <xdr:sp macro="" textlink="">
      <xdr:nvSpPr>
        <xdr:cNvPr id="218" name="テキスト ボックス 217"/>
        <xdr:cNvSpPr txBox="1"/>
      </xdr:nvSpPr>
      <xdr:spPr>
        <a:xfrm>
          <a:off x="939800" y="10498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医療費や介護サービス費の増により後期高齢者医療事業特別会計及び介護保険事業特別会計への繰出金が毎年増加していることから比率は上昇傾向にあったが、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県費負担教職員の市費移管の影響による経常一般財源が増加したことにより、比率が低下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医療費や介護サービス費の増により後期高齢者医療事業特別会計及び介護保険事業特別会計への繰出金が増加したことにより比率は上昇した。</a:t>
          </a: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0</xdr:rowOff>
    </xdr:from>
    <xdr:to>
      <xdr:col>82</xdr:col>
      <xdr:colOff>107950</xdr:colOff>
      <xdr:row>61</xdr:row>
      <xdr:rowOff>31750</xdr:rowOff>
    </xdr:to>
    <xdr:cxnSp macro="">
      <xdr:nvCxnSpPr>
        <xdr:cNvPr id="246" name="直線コネクタ 245"/>
        <xdr:cNvCxnSpPr/>
      </xdr:nvCxnSpPr>
      <xdr:spPr>
        <a:xfrm flipV="1">
          <a:off x="16510000" y="909955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7"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48" name="直線コネクタ 247"/>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9077</xdr:rowOff>
    </xdr:from>
    <xdr:ext cx="762000" cy="259045"/>
    <xdr:sp macro="" textlink="">
      <xdr:nvSpPr>
        <xdr:cNvPr id="249" name="その他最大値テキスト"/>
        <xdr:cNvSpPr txBox="1"/>
      </xdr:nvSpPr>
      <xdr:spPr>
        <a:xfrm>
          <a:off x="16598900" y="8843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0</xdr:rowOff>
    </xdr:from>
    <xdr:to>
      <xdr:col>82</xdr:col>
      <xdr:colOff>196850</xdr:colOff>
      <xdr:row>53</xdr:row>
      <xdr:rowOff>12700</xdr:rowOff>
    </xdr:to>
    <xdr:cxnSp macro="">
      <xdr:nvCxnSpPr>
        <xdr:cNvPr id="250" name="直線コネクタ 249"/>
        <xdr:cNvCxnSpPr/>
      </xdr:nvCxnSpPr>
      <xdr:spPr>
        <a:xfrm>
          <a:off x="16421100" y="909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3</xdr:row>
      <xdr:rowOff>31750</xdr:rowOff>
    </xdr:from>
    <xdr:to>
      <xdr:col>82</xdr:col>
      <xdr:colOff>107950</xdr:colOff>
      <xdr:row>53</xdr:row>
      <xdr:rowOff>69850</xdr:rowOff>
    </xdr:to>
    <xdr:cxnSp macro="">
      <xdr:nvCxnSpPr>
        <xdr:cNvPr id="251" name="直線コネクタ 250"/>
        <xdr:cNvCxnSpPr/>
      </xdr:nvCxnSpPr>
      <xdr:spPr>
        <a:xfrm>
          <a:off x="15671800" y="91186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05427</xdr:rowOff>
    </xdr:from>
    <xdr:ext cx="762000" cy="259045"/>
    <xdr:sp macro="" textlink="">
      <xdr:nvSpPr>
        <xdr:cNvPr id="252" name="その他平均値テキスト"/>
        <xdr:cNvSpPr txBox="1"/>
      </xdr:nvSpPr>
      <xdr:spPr>
        <a:xfrm>
          <a:off x="16598900" y="9535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33350</xdr:rowOff>
    </xdr:from>
    <xdr:to>
      <xdr:col>82</xdr:col>
      <xdr:colOff>158750</xdr:colOff>
      <xdr:row>56</xdr:row>
      <xdr:rowOff>63500</xdr:rowOff>
    </xdr:to>
    <xdr:sp macro="" textlink="">
      <xdr:nvSpPr>
        <xdr:cNvPr id="253" name="フローチャート: 判断 252"/>
        <xdr:cNvSpPr/>
      </xdr:nvSpPr>
      <xdr:spPr>
        <a:xfrm>
          <a:off x="164592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3</xdr:row>
      <xdr:rowOff>31750</xdr:rowOff>
    </xdr:from>
    <xdr:to>
      <xdr:col>78</xdr:col>
      <xdr:colOff>69850</xdr:colOff>
      <xdr:row>54</xdr:row>
      <xdr:rowOff>31750</xdr:rowOff>
    </xdr:to>
    <xdr:cxnSp macro="">
      <xdr:nvCxnSpPr>
        <xdr:cNvPr id="254" name="直線コネクタ 253"/>
        <xdr:cNvCxnSpPr/>
      </xdr:nvCxnSpPr>
      <xdr:spPr>
        <a:xfrm flipV="1">
          <a:off x="14782800" y="9118600"/>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95250</xdr:rowOff>
    </xdr:from>
    <xdr:to>
      <xdr:col>78</xdr:col>
      <xdr:colOff>120650</xdr:colOff>
      <xdr:row>56</xdr:row>
      <xdr:rowOff>25400</xdr:rowOff>
    </xdr:to>
    <xdr:sp macro="" textlink="">
      <xdr:nvSpPr>
        <xdr:cNvPr id="255" name="フローチャート: 判断 254"/>
        <xdr:cNvSpPr/>
      </xdr:nvSpPr>
      <xdr:spPr>
        <a:xfrm>
          <a:off x="15621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0177</xdr:rowOff>
    </xdr:from>
    <xdr:ext cx="736600" cy="259045"/>
    <xdr:sp macro="" textlink="">
      <xdr:nvSpPr>
        <xdr:cNvPr id="256" name="テキスト ボックス 255"/>
        <xdr:cNvSpPr txBox="1"/>
      </xdr:nvSpPr>
      <xdr:spPr>
        <a:xfrm>
          <a:off x="15290800" y="961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3</xdr:row>
      <xdr:rowOff>165100</xdr:rowOff>
    </xdr:from>
    <xdr:to>
      <xdr:col>73</xdr:col>
      <xdr:colOff>180975</xdr:colOff>
      <xdr:row>54</xdr:row>
      <xdr:rowOff>31750</xdr:rowOff>
    </xdr:to>
    <xdr:cxnSp macro="">
      <xdr:nvCxnSpPr>
        <xdr:cNvPr id="257" name="直線コネクタ 256"/>
        <xdr:cNvCxnSpPr/>
      </xdr:nvCxnSpPr>
      <xdr:spPr>
        <a:xfrm>
          <a:off x="13893800" y="92519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0</xdr:rowOff>
    </xdr:from>
    <xdr:to>
      <xdr:col>74</xdr:col>
      <xdr:colOff>31750</xdr:colOff>
      <xdr:row>57</xdr:row>
      <xdr:rowOff>101600</xdr:rowOff>
    </xdr:to>
    <xdr:sp macro="" textlink="">
      <xdr:nvSpPr>
        <xdr:cNvPr id="258" name="フローチャート: 判断 257"/>
        <xdr:cNvSpPr/>
      </xdr:nvSpPr>
      <xdr:spPr>
        <a:xfrm>
          <a:off x="14732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86377</xdr:rowOff>
    </xdr:from>
    <xdr:ext cx="762000" cy="259045"/>
    <xdr:sp macro="" textlink="">
      <xdr:nvSpPr>
        <xdr:cNvPr id="259" name="テキスト ボックス 258"/>
        <xdr:cNvSpPr txBox="1"/>
      </xdr:nvSpPr>
      <xdr:spPr>
        <a:xfrm>
          <a:off x="14401800" y="985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3</xdr:row>
      <xdr:rowOff>165100</xdr:rowOff>
    </xdr:from>
    <xdr:to>
      <xdr:col>69</xdr:col>
      <xdr:colOff>92075</xdr:colOff>
      <xdr:row>53</xdr:row>
      <xdr:rowOff>165100</xdr:rowOff>
    </xdr:to>
    <xdr:cxnSp macro="">
      <xdr:nvCxnSpPr>
        <xdr:cNvPr id="260" name="直線コネクタ 259"/>
        <xdr:cNvCxnSpPr/>
      </xdr:nvCxnSpPr>
      <xdr:spPr>
        <a:xfrm>
          <a:off x="13004800" y="92519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95250</xdr:rowOff>
    </xdr:from>
    <xdr:to>
      <xdr:col>69</xdr:col>
      <xdr:colOff>142875</xdr:colOff>
      <xdr:row>57</xdr:row>
      <xdr:rowOff>25400</xdr:rowOff>
    </xdr:to>
    <xdr:sp macro="" textlink="">
      <xdr:nvSpPr>
        <xdr:cNvPr id="261" name="フローチャート: 判断 260"/>
        <xdr:cNvSpPr/>
      </xdr:nvSpPr>
      <xdr:spPr>
        <a:xfrm>
          <a:off x="13843000" y="9696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0177</xdr:rowOff>
    </xdr:from>
    <xdr:ext cx="762000" cy="259045"/>
    <xdr:sp macro="" textlink="">
      <xdr:nvSpPr>
        <xdr:cNvPr id="262" name="テキスト ボックス 261"/>
        <xdr:cNvSpPr txBox="1"/>
      </xdr:nvSpPr>
      <xdr:spPr>
        <a:xfrm>
          <a:off x="13512800" y="978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38100</xdr:rowOff>
    </xdr:from>
    <xdr:to>
      <xdr:col>65</xdr:col>
      <xdr:colOff>53975</xdr:colOff>
      <xdr:row>56</xdr:row>
      <xdr:rowOff>139700</xdr:rowOff>
    </xdr:to>
    <xdr:sp macro="" textlink="">
      <xdr:nvSpPr>
        <xdr:cNvPr id="263" name="フローチャート: 判断 262"/>
        <xdr:cNvSpPr/>
      </xdr:nvSpPr>
      <xdr:spPr>
        <a:xfrm>
          <a:off x="12954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24477</xdr:rowOff>
    </xdr:from>
    <xdr:ext cx="762000" cy="259045"/>
    <xdr:sp macro="" textlink="">
      <xdr:nvSpPr>
        <xdr:cNvPr id="264" name="テキスト ボックス 263"/>
        <xdr:cNvSpPr txBox="1"/>
      </xdr:nvSpPr>
      <xdr:spPr>
        <a:xfrm>
          <a:off x="12623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3</xdr:row>
      <xdr:rowOff>19050</xdr:rowOff>
    </xdr:from>
    <xdr:to>
      <xdr:col>82</xdr:col>
      <xdr:colOff>158750</xdr:colOff>
      <xdr:row>53</xdr:row>
      <xdr:rowOff>120650</xdr:rowOff>
    </xdr:to>
    <xdr:sp macro="" textlink="">
      <xdr:nvSpPr>
        <xdr:cNvPr id="270" name="楕円 269"/>
        <xdr:cNvSpPr/>
      </xdr:nvSpPr>
      <xdr:spPr>
        <a:xfrm>
          <a:off x="16459200" y="910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2</xdr:row>
      <xdr:rowOff>99077</xdr:rowOff>
    </xdr:from>
    <xdr:ext cx="762000" cy="259045"/>
    <xdr:sp macro="" textlink="">
      <xdr:nvSpPr>
        <xdr:cNvPr id="271" name="その他該当値テキスト"/>
        <xdr:cNvSpPr txBox="1"/>
      </xdr:nvSpPr>
      <xdr:spPr>
        <a:xfrm>
          <a:off x="16598900" y="901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2</xdr:row>
      <xdr:rowOff>152400</xdr:rowOff>
    </xdr:from>
    <xdr:to>
      <xdr:col>78</xdr:col>
      <xdr:colOff>120650</xdr:colOff>
      <xdr:row>53</xdr:row>
      <xdr:rowOff>82550</xdr:rowOff>
    </xdr:to>
    <xdr:sp macro="" textlink="">
      <xdr:nvSpPr>
        <xdr:cNvPr id="272" name="楕円 271"/>
        <xdr:cNvSpPr/>
      </xdr:nvSpPr>
      <xdr:spPr>
        <a:xfrm>
          <a:off x="15621000" y="906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1</xdr:row>
      <xdr:rowOff>92727</xdr:rowOff>
    </xdr:from>
    <xdr:ext cx="736600" cy="259045"/>
    <xdr:sp macro="" textlink="">
      <xdr:nvSpPr>
        <xdr:cNvPr id="273" name="テキスト ボックス 272"/>
        <xdr:cNvSpPr txBox="1"/>
      </xdr:nvSpPr>
      <xdr:spPr>
        <a:xfrm>
          <a:off x="15290800" y="883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3</xdr:row>
      <xdr:rowOff>152400</xdr:rowOff>
    </xdr:from>
    <xdr:to>
      <xdr:col>74</xdr:col>
      <xdr:colOff>31750</xdr:colOff>
      <xdr:row>54</xdr:row>
      <xdr:rowOff>82550</xdr:rowOff>
    </xdr:to>
    <xdr:sp macro="" textlink="">
      <xdr:nvSpPr>
        <xdr:cNvPr id="274" name="楕円 273"/>
        <xdr:cNvSpPr/>
      </xdr:nvSpPr>
      <xdr:spPr>
        <a:xfrm>
          <a:off x="14732000" y="923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2</xdr:row>
      <xdr:rowOff>92727</xdr:rowOff>
    </xdr:from>
    <xdr:ext cx="762000" cy="259045"/>
    <xdr:sp macro="" textlink="">
      <xdr:nvSpPr>
        <xdr:cNvPr id="275" name="テキスト ボックス 274"/>
        <xdr:cNvSpPr txBox="1"/>
      </xdr:nvSpPr>
      <xdr:spPr>
        <a:xfrm>
          <a:off x="14401800" y="900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3</xdr:row>
      <xdr:rowOff>114300</xdr:rowOff>
    </xdr:from>
    <xdr:to>
      <xdr:col>69</xdr:col>
      <xdr:colOff>142875</xdr:colOff>
      <xdr:row>54</xdr:row>
      <xdr:rowOff>44450</xdr:rowOff>
    </xdr:to>
    <xdr:sp macro="" textlink="">
      <xdr:nvSpPr>
        <xdr:cNvPr id="276" name="楕円 275"/>
        <xdr:cNvSpPr/>
      </xdr:nvSpPr>
      <xdr:spPr>
        <a:xfrm>
          <a:off x="13843000" y="920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2</xdr:row>
      <xdr:rowOff>54627</xdr:rowOff>
    </xdr:from>
    <xdr:ext cx="762000" cy="259045"/>
    <xdr:sp macro="" textlink="">
      <xdr:nvSpPr>
        <xdr:cNvPr id="277" name="テキスト ボックス 276"/>
        <xdr:cNvSpPr txBox="1"/>
      </xdr:nvSpPr>
      <xdr:spPr>
        <a:xfrm>
          <a:off x="13512800" y="8970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3</xdr:row>
      <xdr:rowOff>114300</xdr:rowOff>
    </xdr:from>
    <xdr:to>
      <xdr:col>65</xdr:col>
      <xdr:colOff>53975</xdr:colOff>
      <xdr:row>54</xdr:row>
      <xdr:rowOff>44450</xdr:rowOff>
    </xdr:to>
    <xdr:sp macro="" textlink="">
      <xdr:nvSpPr>
        <xdr:cNvPr id="278" name="楕円 277"/>
        <xdr:cNvSpPr/>
      </xdr:nvSpPr>
      <xdr:spPr>
        <a:xfrm>
          <a:off x="12954000" y="920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2</xdr:row>
      <xdr:rowOff>54627</xdr:rowOff>
    </xdr:from>
    <xdr:ext cx="762000" cy="259045"/>
    <xdr:sp macro="" textlink="">
      <xdr:nvSpPr>
        <xdr:cNvPr id="279" name="テキスト ボックス 278"/>
        <xdr:cNvSpPr txBox="1"/>
      </xdr:nvSpPr>
      <xdr:spPr>
        <a:xfrm>
          <a:off x="12623800" y="8970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下水道事業会計におけ雨水処理負担金等の減及び消費税引上げの平年度化による地方消費税交付金の増等による税収の増により比率が低下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下水道事業会計における雨水処理負担金等の減等により比率が低下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経常充当一財は防災関係補助金の対象経費の減等により微減となったが、県費負担教職員の市費移管の影響による経常一般財源が増加したことにより、比率が低下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経常充当一財が概ね横ばいである一方で、市税収入の増等による経常一般財源が増加したことにより比率は低下した。</a:t>
          </a:r>
        </a:p>
        <a:p>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4" name="直線コネクタ 293"/>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5" name="テキスト ボックス 294"/>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6" name="直線コネクタ 295"/>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7" name="テキスト ボックス 296"/>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8" name="直線コネクタ 297"/>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9" name="テキスト ボックス 298"/>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0" name="直線コネクタ 299"/>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1" name="テキスト ボックス 300"/>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2" name="直線コネクタ 301"/>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3" name="テキスト ボックス 302"/>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50800</xdr:rowOff>
    </xdr:from>
    <xdr:to>
      <xdr:col>82</xdr:col>
      <xdr:colOff>107950</xdr:colOff>
      <xdr:row>41</xdr:row>
      <xdr:rowOff>107950</xdr:rowOff>
    </xdr:to>
    <xdr:cxnSp macro="">
      <xdr:nvCxnSpPr>
        <xdr:cNvPr id="307" name="直線コネクタ 306"/>
        <xdr:cNvCxnSpPr/>
      </xdr:nvCxnSpPr>
      <xdr:spPr>
        <a:xfrm flipV="1">
          <a:off x="16510000" y="570865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80027</xdr:rowOff>
    </xdr:from>
    <xdr:ext cx="762000" cy="259045"/>
    <xdr:sp macro="" textlink="">
      <xdr:nvSpPr>
        <xdr:cNvPr id="308" name="補助費等最小値テキスト"/>
        <xdr:cNvSpPr txBox="1"/>
      </xdr:nvSpPr>
      <xdr:spPr>
        <a:xfrm>
          <a:off x="165989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07950</xdr:rowOff>
    </xdr:from>
    <xdr:to>
      <xdr:col>82</xdr:col>
      <xdr:colOff>196850</xdr:colOff>
      <xdr:row>41</xdr:row>
      <xdr:rowOff>107950</xdr:rowOff>
    </xdr:to>
    <xdr:cxnSp macro="">
      <xdr:nvCxnSpPr>
        <xdr:cNvPr id="309" name="直線コネクタ 308"/>
        <xdr:cNvCxnSpPr/>
      </xdr:nvCxnSpPr>
      <xdr:spPr>
        <a:xfrm>
          <a:off x="16421100" y="713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37177</xdr:rowOff>
    </xdr:from>
    <xdr:ext cx="762000" cy="259045"/>
    <xdr:sp macro="" textlink="">
      <xdr:nvSpPr>
        <xdr:cNvPr id="310" name="補助費等最大値テキスト"/>
        <xdr:cNvSpPr txBox="1"/>
      </xdr:nvSpPr>
      <xdr:spPr>
        <a:xfrm>
          <a:off x="16598900" y="5452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50800</xdr:rowOff>
    </xdr:from>
    <xdr:to>
      <xdr:col>82</xdr:col>
      <xdr:colOff>196850</xdr:colOff>
      <xdr:row>33</xdr:row>
      <xdr:rowOff>50800</xdr:rowOff>
    </xdr:to>
    <xdr:cxnSp macro="">
      <xdr:nvCxnSpPr>
        <xdr:cNvPr id="311" name="直線コネクタ 310"/>
        <xdr:cNvCxnSpPr/>
      </xdr:nvCxnSpPr>
      <xdr:spPr>
        <a:xfrm>
          <a:off x="16421100" y="5708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2700</xdr:rowOff>
    </xdr:from>
    <xdr:to>
      <xdr:col>82</xdr:col>
      <xdr:colOff>107950</xdr:colOff>
      <xdr:row>37</xdr:row>
      <xdr:rowOff>50800</xdr:rowOff>
    </xdr:to>
    <xdr:cxnSp macro="">
      <xdr:nvCxnSpPr>
        <xdr:cNvPr id="312" name="直線コネクタ 311"/>
        <xdr:cNvCxnSpPr/>
      </xdr:nvCxnSpPr>
      <xdr:spPr>
        <a:xfrm flipV="1">
          <a:off x="15671800" y="635635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7</xdr:row>
      <xdr:rowOff>48277</xdr:rowOff>
    </xdr:from>
    <xdr:ext cx="762000" cy="259045"/>
    <xdr:sp macro="" textlink="">
      <xdr:nvSpPr>
        <xdr:cNvPr id="313" name="補助費等平均値テキスト"/>
        <xdr:cNvSpPr txBox="1"/>
      </xdr:nvSpPr>
      <xdr:spPr>
        <a:xfrm>
          <a:off x="16598900" y="6391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76200</xdr:rowOff>
    </xdr:from>
    <xdr:to>
      <xdr:col>82</xdr:col>
      <xdr:colOff>158750</xdr:colOff>
      <xdr:row>38</xdr:row>
      <xdr:rowOff>6350</xdr:rowOff>
    </xdr:to>
    <xdr:sp macro="" textlink="">
      <xdr:nvSpPr>
        <xdr:cNvPr id="314" name="フローチャート: 判断 313"/>
        <xdr:cNvSpPr/>
      </xdr:nvSpPr>
      <xdr:spPr>
        <a:xfrm>
          <a:off x="16459200" y="641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50800</xdr:rowOff>
    </xdr:from>
    <xdr:to>
      <xdr:col>78</xdr:col>
      <xdr:colOff>69850</xdr:colOff>
      <xdr:row>38</xdr:row>
      <xdr:rowOff>127000</xdr:rowOff>
    </xdr:to>
    <xdr:cxnSp macro="">
      <xdr:nvCxnSpPr>
        <xdr:cNvPr id="315" name="直線コネクタ 314"/>
        <xdr:cNvCxnSpPr/>
      </xdr:nvCxnSpPr>
      <xdr:spPr>
        <a:xfrm flipV="1">
          <a:off x="14782800" y="6394450"/>
          <a:ext cx="889000" cy="247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14300</xdr:rowOff>
    </xdr:from>
    <xdr:to>
      <xdr:col>78</xdr:col>
      <xdr:colOff>120650</xdr:colOff>
      <xdr:row>38</xdr:row>
      <xdr:rowOff>44450</xdr:rowOff>
    </xdr:to>
    <xdr:sp macro="" textlink="">
      <xdr:nvSpPr>
        <xdr:cNvPr id="316" name="フローチャート: 判断 315"/>
        <xdr:cNvSpPr/>
      </xdr:nvSpPr>
      <xdr:spPr>
        <a:xfrm>
          <a:off x="15621000" y="6457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29227</xdr:rowOff>
    </xdr:from>
    <xdr:ext cx="736600" cy="259045"/>
    <xdr:sp macro="" textlink="">
      <xdr:nvSpPr>
        <xdr:cNvPr id="317" name="テキスト ボックス 316"/>
        <xdr:cNvSpPr txBox="1"/>
      </xdr:nvSpPr>
      <xdr:spPr>
        <a:xfrm>
          <a:off x="15290800" y="6544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127000</xdr:rowOff>
    </xdr:from>
    <xdr:to>
      <xdr:col>73</xdr:col>
      <xdr:colOff>180975</xdr:colOff>
      <xdr:row>38</xdr:row>
      <xdr:rowOff>146050</xdr:rowOff>
    </xdr:to>
    <xdr:cxnSp macro="">
      <xdr:nvCxnSpPr>
        <xdr:cNvPr id="318" name="直線コネクタ 317"/>
        <xdr:cNvCxnSpPr/>
      </xdr:nvCxnSpPr>
      <xdr:spPr>
        <a:xfrm flipV="1">
          <a:off x="13893800" y="66421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9</xdr:row>
      <xdr:rowOff>0</xdr:rowOff>
    </xdr:from>
    <xdr:to>
      <xdr:col>74</xdr:col>
      <xdr:colOff>31750</xdr:colOff>
      <xdr:row>39</xdr:row>
      <xdr:rowOff>101600</xdr:rowOff>
    </xdr:to>
    <xdr:sp macro="" textlink="">
      <xdr:nvSpPr>
        <xdr:cNvPr id="319" name="フローチャート: 判断 318"/>
        <xdr:cNvSpPr/>
      </xdr:nvSpPr>
      <xdr:spPr>
        <a:xfrm>
          <a:off x="14732000" y="6686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9</xdr:row>
      <xdr:rowOff>86377</xdr:rowOff>
    </xdr:from>
    <xdr:ext cx="762000" cy="259045"/>
    <xdr:sp macro="" textlink="">
      <xdr:nvSpPr>
        <xdr:cNvPr id="320" name="テキスト ボックス 319"/>
        <xdr:cNvSpPr txBox="1"/>
      </xdr:nvSpPr>
      <xdr:spPr>
        <a:xfrm>
          <a:off x="14401800" y="6772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146050</xdr:rowOff>
    </xdr:from>
    <xdr:to>
      <xdr:col>69</xdr:col>
      <xdr:colOff>92075</xdr:colOff>
      <xdr:row>39</xdr:row>
      <xdr:rowOff>107950</xdr:rowOff>
    </xdr:to>
    <xdr:cxnSp macro="">
      <xdr:nvCxnSpPr>
        <xdr:cNvPr id="321" name="直線コネクタ 320"/>
        <xdr:cNvCxnSpPr/>
      </xdr:nvCxnSpPr>
      <xdr:spPr>
        <a:xfrm flipV="1">
          <a:off x="13004800" y="66611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8</xdr:row>
      <xdr:rowOff>152400</xdr:rowOff>
    </xdr:from>
    <xdr:to>
      <xdr:col>69</xdr:col>
      <xdr:colOff>142875</xdr:colOff>
      <xdr:row>39</xdr:row>
      <xdr:rowOff>82550</xdr:rowOff>
    </xdr:to>
    <xdr:sp macro="" textlink="">
      <xdr:nvSpPr>
        <xdr:cNvPr id="322" name="フローチャート: 判断 321"/>
        <xdr:cNvSpPr/>
      </xdr:nvSpPr>
      <xdr:spPr>
        <a:xfrm>
          <a:off x="13843000" y="666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9</xdr:row>
      <xdr:rowOff>67327</xdr:rowOff>
    </xdr:from>
    <xdr:ext cx="762000" cy="259045"/>
    <xdr:sp macro="" textlink="">
      <xdr:nvSpPr>
        <xdr:cNvPr id="323" name="テキスト ボックス 322"/>
        <xdr:cNvSpPr txBox="1"/>
      </xdr:nvSpPr>
      <xdr:spPr>
        <a:xfrm>
          <a:off x="13512800" y="675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9</xdr:row>
      <xdr:rowOff>38100</xdr:rowOff>
    </xdr:from>
    <xdr:to>
      <xdr:col>65</xdr:col>
      <xdr:colOff>53975</xdr:colOff>
      <xdr:row>39</xdr:row>
      <xdr:rowOff>139700</xdr:rowOff>
    </xdr:to>
    <xdr:sp macro="" textlink="">
      <xdr:nvSpPr>
        <xdr:cNvPr id="324" name="フローチャート: 判断 323"/>
        <xdr:cNvSpPr/>
      </xdr:nvSpPr>
      <xdr:spPr>
        <a:xfrm>
          <a:off x="12954000" y="6724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49877</xdr:rowOff>
    </xdr:from>
    <xdr:ext cx="762000" cy="259045"/>
    <xdr:sp macro="" textlink="">
      <xdr:nvSpPr>
        <xdr:cNvPr id="325" name="テキスト ボックス 324"/>
        <xdr:cNvSpPr txBox="1"/>
      </xdr:nvSpPr>
      <xdr:spPr>
        <a:xfrm>
          <a:off x="12623800" y="6493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33350</xdr:rowOff>
    </xdr:from>
    <xdr:to>
      <xdr:col>82</xdr:col>
      <xdr:colOff>158750</xdr:colOff>
      <xdr:row>37</xdr:row>
      <xdr:rowOff>63500</xdr:rowOff>
    </xdr:to>
    <xdr:sp macro="" textlink="">
      <xdr:nvSpPr>
        <xdr:cNvPr id="331" name="楕円 330"/>
        <xdr:cNvSpPr/>
      </xdr:nvSpPr>
      <xdr:spPr>
        <a:xfrm>
          <a:off x="1645920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49877</xdr:rowOff>
    </xdr:from>
    <xdr:ext cx="762000" cy="259045"/>
    <xdr:sp macro="" textlink="">
      <xdr:nvSpPr>
        <xdr:cNvPr id="332" name="補助費等該当値テキスト"/>
        <xdr:cNvSpPr txBox="1"/>
      </xdr:nvSpPr>
      <xdr:spPr>
        <a:xfrm>
          <a:off x="16598900" y="6150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0</xdr:rowOff>
    </xdr:from>
    <xdr:to>
      <xdr:col>78</xdr:col>
      <xdr:colOff>120650</xdr:colOff>
      <xdr:row>37</xdr:row>
      <xdr:rowOff>101600</xdr:rowOff>
    </xdr:to>
    <xdr:sp macro="" textlink="">
      <xdr:nvSpPr>
        <xdr:cNvPr id="333" name="楕円 332"/>
        <xdr:cNvSpPr/>
      </xdr:nvSpPr>
      <xdr:spPr>
        <a:xfrm>
          <a:off x="15621000" y="6343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11777</xdr:rowOff>
    </xdr:from>
    <xdr:ext cx="736600" cy="259045"/>
    <xdr:sp macro="" textlink="">
      <xdr:nvSpPr>
        <xdr:cNvPr id="334" name="テキスト ボックス 333"/>
        <xdr:cNvSpPr txBox="1"/>
      </xdr:nvSpPr>
      <xdr:spPr>
        <a:xfrm>
          <a:off x="15290800" y="6112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76200</xdr:rowOff>
    </xdr:from>
    <xdr:to>
      <xdr:col>74</xdr:col>
      <xdr:colOff>31750</xdr:colOff>
      <xdr:row>39</xdr:row>
      <xdr:rowOff>6350</xdr:rowOff>
    </xdr:to>
    <xdr:sp macro="" textlink="">
      <xdr:nvSpPr>
        <xdr:cNvPr id="335" name="楕円 334"/>
        <xdr:cNvSpPr/>
      </xdr:nvSpPr>
      <xdr:spPr>
        <a:xfrm>
          <a:off x="14732000" y="659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6527</xdr:rowOff>
    </xdr:from>
    <xdr:ext cx="762000" cy="259045"/>
    <xdr:sp macro="" textlink="">
      <xdr:nvSpPr>
        <xdr:cNvPr id="336" name="テキスト ボックス 335"/>
        <xdr:cNvSpPr txBox="1"/>
      </xdr:nvSpPr>
      <xdr:spPr>
        <a:xfrm>
          <a:off x="14401800" y="636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95250</xdr:rowOff>
    </xdr:from>
    <xdr:to>
      <xdr:col>69</xdr:col>
      <xdr:colOff>142875</xdr:colOff>
      <xdr:row>39</xdr:row>
      <xdr:rowOff>25400</xdr:rowOff>
    </xdr:to>
    <xdr:sp macro="" textlink="">
      <xdr:nvSpPr>
        <xdr:cNvPr id="337" name="楕円 336"/>
        <xdr:cNvSpPr/>
      </xdr:nvSpPr>
      <xdr:spPr>
        <a:xfrm>
          <a:off x="13843000" y="6610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35577</xdr:rowOff>
    </xdr:from>
    <xdr:ext cx="762000" cy="259045"/>
    <xdr:sp macro="" textlink="">
      <xdr:nvSpPr>
        <xdr:cNvPr id="338" name="テキスト ボックス 337"/>
        <xdr:cNvSpPr txBox="1"/>
      </xdr:nvSpPr>
      <xdr:spPr>
        <a:xfrm>
          <a:off x="13512800" y="637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9</xdr:row>
      <xdr:rowOff>57150</xdr:rowOff>
    </xdr:from>
    <xdr:to>
      <xdr:col>65</xdr:col>
      <xdr:colOff>53975</xdr:colOff>
      <xdr:row>39</xdr:row>
      <xdr:rowOff>158750</xdr:rowOff>
    </xdr:to>
    <xdr:sp macro="" textlink="">
      <xdr:nvSpPr>
        <xdr:cNvPr id="339" name="楕円 338"/>
        <xdr:cNvSpPr/>
      </xdr:nvSpPr>
      <xdr:spPr>
        <a:xfrm>
          <a:off x="129540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143527</xdr:rowOff>
    </xdr:from>
    <xdr:ext cx="762000" cy="259045"/>
    <xdr:sp macro="" textlink="">
      <xdr:nvSpPr>
        <xdr:cNvPr id="340" name="テキスト ボックス 339"/>
        <xdr:cNvSpPr txBox="1"/>
      </xdr:nvSpPr>
      <xdr:spPr>
        <a:xfrm>
          <a:off x="12623800" y="683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公債費の増があったものの、消費税引上げの平年度化による地方消費税交付金の増等による税収の増により比率が低下している。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公債費の微増に加え、経常一般財源の減により比率が上昇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経常充当一財は増となったが、、県費負担教職員の市費移管の影響による経常一般財源が増加したことにより、比率が低下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経常充当一財が減し、市税収入の増等による経常一般財源が増したことにより比率は低下した。今後は庁舎建替え事業等により投資的経費が増加する見込みであるが、市債発行にあたっては、実質公債費比率や市債現在高に留意しながら、適正な活用に努める。</a:t>
          </a:r>
        </a:p>
      </xdr:txBody>
    </xdr:sp>
    <xdr:clientData/>
  </xdr:twoCellAnchor>
  <xdr:oneCellAnchor>
    <xdr:from>
      <xdr:col>3</xdr:col>
      <xdr:colOff>123825</xdr:colOff>
      <xdr:row>69</xdr:row>
      <xdr:rowOff>107950</xdr:rowOff>
    </xdr:from>
    <xdr:ext cx="298543" cy="225703"/>
    <xdr:sp macro="" textlink="">
      <xdr:nvSpPr>
        <xdr:cNvPr id="352" name="テキスト ボックス 351"/>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5" name="直線コネクタ 354"/>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6" name="テキスト ボックス 355"/>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7" name="直線コネクタ 356"/>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8" name="テキスト ボックス 357"/>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9" name="直線コネクタ 358"/>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0" name="テキスト ボックス 359"/>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1" name="直線コネクタ 360"/>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2" name="テキスト ボックス 361"/>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3" name="直線コネクタ 362"/>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4" name="テキスト ボックス 363"/>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5" name="直線コネクタ 364"/>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6" name="テキスト ボックス 365"/>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8" name="テキスト ボックス 367"/>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9"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4535</xdr:rowOff>
    </xdr:from>
    <xdr:to>
      <xdr:col>24</xdr:col>
      <xdr:colOff>25400</xdr:colOff>
      <xdr:row>81</xdr:row>
      <xdr:rowOff>135164</xdr:rowOff>
    </xdr:to>
    <xdr:cxnSp macro="">
      <xdr:nvCxnSpPr>
        <xdr:cNvPr id="370" name="直線コネクタ 369"/>
        <xdr:cNvCxnSpPr/>
      </xdr:nvCxnSpPr>
      <xdr:spPr>
        <a:xfrm flipV="1">
          <a:off x="4826000" y="12520385"/>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07241</xdr:rowOff>
    </xdr:from>
    <xdr:ext cx="762000" cy="259045"/>
    <xdr:sp macro="" textlink="">
      <xdr:nvSpPr>
        <xdr:cNvPr id="371" name="公債費最小値テキスト"/>
        <xdr:cNvSpPr txBox="1"/>
      </xdr:nvSpPr>
      <xdr:spPr>
        <a:xfrm>
          <a:off x="4914900" y="13994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35164</xdr:rowOff>
    </xdr:from>
    <xdr:to>
      <xdr:col>24</xdr:col>
      <xdr:colOff>114300</xdr:colOff>
      <xdr:row>81</xdr:row>
      <xdr:rowOff>135164</xdr:rowOff>
    </xdr:to>
    <xdr:cxnSp macro="">
      <xdr:nvCxnSpPr>
        <xdr:cNvPr id="372" name="直線コネクタ 371"/>
        <xdr:cNvCxnSpPr/>
      </xdr:nvCxnSpPr>
      <xdr:spPr>
        <a:xfrm>
          <a:off x="4737100" y="14022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90912</xdr:rowOff>
    </xdr:from>
    <xdr:ext cx="762000" cy="259045"/>
    <xdr:sp macro="" textlink="">
      <xdr:nvSpPr>
        <xdr:cNvPr id="373" name="公債費最大値テキスト"/>
        <xdr:cNvSpPr txBox="1"/>
      </xdr:nvSpPr>
      <xdr:spPr>
        <a:xfrm>
          <a:off x="4914900" y="12263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4535</xdr:rowOff>
    </xdr:from>
    <xdr:to>
      <xdr:col>24</xdr:col>
      <xdr:colOff>114300</xdr:colOff>
      <xdr:row>73</xdr:row>
      <xdr:rowOff>4535</xdr:rowOff>
    </xdr:to>
    <xdr:cxnSp macro="">
      <xdr:nvCxnSpPr>
        <xdr:cNvPr id="374" name="直線コネクタ 373"/>
        <xdr:cNvCxnSpPr/>
      </xdr:nvCxnSpPr>
      <xdr:spPr>
        <a:xfrm>
          <a:off x="4737100" y="12520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4343</xdr:rowOff>
    </xdr:from>
    <xdr:to>
      <xdr:col>24</xdr:col>
      <xdr:colOff>25400</xdr:colOff>
      <xdr:row>77</xdr:row>
      <xdr:rowOff>4536</xdr:rowOff>
    </xdr:to>
    <xdr:cxnSp macro="">
      <xdr:nvCxnSpPr>
        <xdr:cNvPr id="375" name="直線コネクタ 374"/>
        <xdr:cNvCxnSpPr/>
      </xdr:nvCxnSpPr>
      <xdr:spPr>
        <a:xfrm flipV="1">
          <a:off x="3987800" y="13124543"/>
          <a:ext cx="8382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7263</xdr:rowOff>
    </xdr:from>
    <xdr:ext cx="762000" cy="259045"/>
    <xdr:sp macro="" textlink="">
      <xdr:nvSpPr>
        <xdr:cNvPr id="376" name="公債費平均値テキスト"/>
        <xdr:cNvSpPr txBox="1"/>
      </xdr:nvSpPr>
      <xdr:spPr>
        <a:xfrm>
          <a:off x="4914900" y="131274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5186</xdr:rowOff>
    </xdr:from>
    <xdr:to>
      <xdr:col>24</xdr:col>
      <xdr:colOff>76200</xdr:colOff>
      <xdr:row>77</xdr:row>
      <xdr:rowOff>55336</xdr:rowOff>
    </xdr:to>
    <xdr:sp macro="" textlink="">
      <xdr:nvSpPr>
        <xdr:cNvPr id="377" name="フローチャート: 判断 376"/>
        <xdr:cNvSpPr/>
      </xdr:nvSpPr>
      <xdr:spPr>
        <a:xfrm>
          <a:off x="4775200" y="13155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4536</xdr:rowOff>
    </xdr:from>
    <xdr:to>
      <xdr:col>19</xdr:col>
      <xdr:colOff>187325</xdr:colOff>
      <xdr:row>79</xdr:row>
      <xdr:rowOff>86179</xdr:rowOff>
    </xdr:to>
    <xdr:cxnSp macro="">
      <xdr:nvCxnSpPr>
        <xdr:cNvPr id="378" name="直線コネクタ 377"/>
        <xdr:cNvCxnSpPr/>
      </xdr:nvCxnSpPr>
      <xdr:spPr>
        <a:xfrm flipV="1">
          <a:off x="3098800" y="13206186"/>
          <a:ext cx="889000" cy="424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5379</xdr:rowOff>
    </xdr:from>
    <xdr:to>
      <xdr:col>20</xdr:col>
      <xdr:colOff>38100</xdr:colOff>
      <xdr:row>77</xdr:row>
      <xdr:rowOff>136979</xdr:rowOff>
    </xdr:to>
    <xdr:sp macro="" textlink="">
      <xdr:nvSpPr>
        <xdr:cNvPr id="379" name="フローチャート: 判断 378"/>
        <xdr:cNvSpPr/>
      </xdr:nvSpPr>
      <xdr:spPr>
        <a:xfrm>
          <a:off x="3937000" y="13237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21756</xdr:rowOff>
    </xdr:from>
    <xdr:ext cx="736600" cy="259045"/>
    <xdr:sp macro="" textlink="">
      <xdr:nvSpPr>
        <xdr:cNvPr id="380" name="テキスト ボックス 379"/>
        <xdr:cNvSpPr txBox="1"/>
      </xdr:nvSpPr>
      <xdr:spPr>
        <a:xfrm>
          <a:off x="3606800" y="13323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8</xdr:row>
      <xdr:rowOff>159657</xdr:rowOff>
    </xdr:from>
    <xdr:to>
      <xdr:col>15</xdr:col>
      <xdr:colOff>98425</xdr:colOff>
      <xdr:row>79</xdr:row>
      <xdr:rowOff>86179</xdr:rowOff>
    </xdr:to>
    <xdr:cxnSp macro="">
      <xdr:nvCxnSpPr>
        <xdr:cNvPr id="381" name="直線コネクタ 380"/>
        <xdr:cNvCxnSpPr/>
      </xdr:nvCxnSpPr>
      <xdr:spPr>
        <a:xfrm>
          <a:off x="2209800" y="13532757"/>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80</xdr:row>
      <xdr:rowOff>10886</xdr:rowOff>
    </xdr:from>
    <xdr:to>
      <xdr:col>15</xdr:col>
      <xdr:colOff>149225</xdr:colOff>
      <xdr:row>80</xdr:row>
      <xdr:rowOff>112486</xdr:rowOff>
    </xdr:to>
    <xdr:sp macro="" textlink="">
      <xdr:nvSpPr>
        <xdr:cNvPr id="382" name="フローチャート: 判断 381"/>
        <xdr:cNvSpPr/>
      </xdr:nvSpPr>
      <xdr:spPr>
        <a:xfrm>
          <a:off x="3048000" y="13726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80</xdr:row>
      <xdr:rowOff>97263</xdr:rowOff>
    </xdr:from>
    <xdr:ext cx="762000" cy="259045"/>
    <xdr:sp macro="" textlink="">
      <xdr:nvSpPr>
        <xdr:cNvPr id="383" name="テキスト ボックス 382"/>
        <xdr:cNvSpPr txBox="1"/>
      </xdr:nvSpPr>
      <xdr:spPr>
        <a:xfrm>
          <a:off x="2717800" y="13813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159657</xdr:rowOff>
    </xdr:from>
    <xdr:to>
      <xdr:col>11</xdr:col>
      <xdr:colOff>9525</xdr:colOff>
      <xdr:row>79</xdr:row>
      <xdr:rowOff>20864</xdr:rowOff>
    </xdr:to>
    <xdr:cxnSp macro="">
      <xdr:nvCxnSpPr>
        <xdr:cNvPr id="384" name="直線コネクタ 383"/>
        <xdr:cNvCxnSpPr/>
      </xdr:nvCxnSpPr>
      <xdr:spPr>
        <a:xfrm flipV="1">
          <a:off x="1320800" y="1353275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9</xdr:row>
      <xdr:rowOff>166007</xdr:rowOff>
    </xdr:from>
    <xdr:to>
      <xdr:col>11</xdr:col>
      <xdr:colOff>60325</xdr:colOff>
      <xdr:row>80</xdr:row>
      <xdr:rowOff>96157</xdr:rowOff>
    </xdr:to>
    <xdr:sp macro="" textlink="">
      <xdr:nvSpPr>
        <xdr:cNvPr id="385" name="フローチャート: 判断 384"/>
        <xdr:cNvSpPr/>
      </xdr:nvSpPr>
      <xdr:spPr>
        <a:xfrm>
          <a:off x="2159000" y="137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80</xdr:row>
      <xdr:rowOff>80934</xdr:rowOff>
    </xdr:from>
    <xdr:ext cx="762000" cy="259045"/>
    <xdr:sp macro="" textlink="">
      <xdr:nvSpPr>
        <xdr:cNvPr id="386" name="テキスト ボックス 385"/>
        <xdr:cNvSpPr txBox="1"/>
      </xdr:nvSpPr>
      <xdr:spPr>
        <a:xfrm>
          <a:off x="1828800" y="1379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0</xdr:row>
      <xdr:rowOff>43543</xdr:rowOff>
    </xdr:from>
    <xdr:to>
      <xdr:col>6</xdr:col>
      <xdr:colOff>171450</xdr:colOff>
      <xdr:row>80</xdr:row>
      <xdr:rowOff>145143</xdr:rowOff>
    </xdr:to>
    <xdr:sp macro="" textlink="">
      <xdr:nvSpPr>
        <xdr:cNvPr id="387" name="フローチャート: 判断 386"/>
        <xdr:cNvSpPr/>
      </xdr:nvSpPr>
      <xdr:spPr>
        <a:xfrm>
          <a:off x="1270000" y="13759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0</xdr:row>
      <xdr:rowOff>129920</xdr:rowOff>
    </xdr:from>
    <xdr:ext cx="762000" cy="259045"/>
    <xdr:sp macro="" textlink="">
      <xdr:nvSpPr>
        <xdr:cNvPr id="388" name="テキスト ボックス 387"/>
        <xdr:cNvSpPr txBox="1"/>
      </xdr:nvSpPr>
      <xdr:spPr>
        <a:xfrm>
          <a:off x="939800" y="13845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9" name="テキスト ボックス 388"/>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0" name="テキスト ボックス 389"/>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1" name="テキスト ボックス 390"/>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2" name="テキスト ボックス 391"/>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3" name="テキスト ボックス 392"/>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3543</xdr:rowOff>
    </xdr:from>
    <xdr:to>
      <xdr:col>24</xdr:col>
      <xdr:colOff>76200</xdr:colOff>
      <xdr:row>76</xdr:row>
      <xdr:rowOff>145143</xdr:rowOff>
    </xdr:to>
    <xdr:sp macro="" textlink="">
      <xdr:nvSpPr>
        <xdr:cNvPr id="394" name="楕円 393"/>
        <xdr:cNvSpPr/>
      </xdr:nvSpPr>
      <xdr:spPr>
        <a:xfrm>
          <a:off x="4775200" y="13073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60070</xdr:rowOff>
    </xdr:from>
    <xdr:ext cx="762000" cy="259045"/>
    <xdr:sp macro="" textlink="">
      <xdr:nvSpPr>
        <xdr:cNvPr id="395" name="公債費該当値テキスト"/>
        <xdr:cNvSpPr txBox="1"/>
      </xdr:nvSpPr>
      <xdr:spPr>
        <a:xfrm>
          <a:off x="4914900" y="12918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25186</xdr:rowOff>
    </xdr:from>
    <xdr:to>
      <xdr:col>20</xdr:col>
      <xdr:colOff>38100</xdr:colOff>
      <xdr:row>77</xdr:row>
      <xdr:rowOff>55336</xdr:rowOff>
    </xdr:to>
    <xdr:sp macro="" textlink="">
      <xdr:nvSpPr>
        <xdr:cNvPr id="396" name="楕円 395"/>
        <xdr:cNvSpPr/>
      </xdr:nvSpPr>
      <xdr:spPr>
        <a:xfrm>
          <a:off x="3937000" y="13155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65512</xdr:rowOff>
    </xdr:from>
    <xdr:ext cx="736600" cy="259045"/>
    <xdr:sp macro="" textlink="">
      <xdr:nvSpPr>
        <xdr:cNvPr id="397" name="テキスト ボックス 396"/>
        <xdr:cNvSpPr txBox="1"/>
      </xdr:nvSpPr>
      <xdr:spPr>
        <a:xfrm>
          <a:off x="3606800" y="12924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9</xdr:row>
      <xdr:rowOff>35379</xdr:rowOff>
    </xdr:from>
    <xdr:to>
      <xdr:col>15</xdr:col>
      <xdr:colOff>149225</xdr:colOff>
      <xdr:row>79</xdr:row>
      <xdr:rowOff>136979</xdr:rowOff>
    </xdr:to>
    <xdr:sp macro="" textlink="">
      <xdr:nvSpPr>
        <xdr:cNvPr id="398" name="楕円 397"/>
        <xdr:cNvSpPr/>
      </xdr:nvSpPr>
      <xdr:spPr>
        <a:xfrm>
          <a:off x="3048000" y="13579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47156</xdr:rowOff>
    </xdr:from>
    <xdr:ext cx="762000" cy="259045"/>
    <xdr:sp macro="" textlink="">
      <xdr:nvSpPr>
        <xdr:cNvPr id="399" name="テキスト ボックス 398"/>
        <xdr:cNvSpPr txBox="1"/>
      </xdr:nvSpPr>
      <xdr:spPr>
        <a:xfrm>
          <a:off x="2717800" y="13348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8</xdr:row>
      <xdr:rowOff>108857</xdr:rowOff>
    </xdr:from>
    <xdr:to>
      <xdr:col>11</xdr:col>
      <xdr:colOff>60325</xdr:colOff>
      <xdr:row>79</xdr:row>
      <xdr:rowOff>39007</xdr:rowOff>
    </xdr:to>
    <xdr:sp macro="" textlink="">
      <xdr:nvSpPr>
        <xdr:cNvPr id="400" name="楕円 399"/>
        <xdr:cNvSpPr/>
      </xdr:nvSpPr>
      <xdr:spPr>
        <a:xfrm>
          <a:off x="2159000" y="1348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9184</xdr:rowOff>
    </xdr:from>
    <xdr:ext cx="762000" cy="259045"/>
    <xdr:sp macro="" textlink="">
      <xdr:nvSpPr>
        <xdr:cNvPr id="401" name="テキスト ボックス 400"/>
        <xdr:cNvSpPr txBox="1"/>
      </xdr:nvSpPr>
      <xdr:spPr>
        <a:xfrm>
          <a:off x="1828800" y="1325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141514</xdr:rowOff>
    </xdr:from>
    <xdr:to>
      <xdr:col>6</xdr:col>
      <xdr:colOff>171450</xdr:colOff>
      <xdr:row>79</xdr:row>
      <xdr:rowOff>71664</xdr:rowOff>
    </xdr:to>
    <xdr:sp macro="" textlink="">
      <xdr:nvSpPr>
        <xdr:cNvPr id="402" name="楕円 401"/>
        <xdr:cNvSpPr/>
      </xdr:nvSpPr>
      <xdr:spPr>
        <a:xfrm>
          <a:off x="1270000" y="13514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1841</xdr:rowOff>
    </xdr:from>
    <xdr:ext cx="762000" cy="259045"/>
    <xdr:sp macro="" textlink="">
      <xdr:nvSpPr>
        <xdr:cNvPr id="403" name="テキスト ボックス 402"/>
        <xdr:cNvSpPr txBox="1"/>
      </xdr:nvSpPr>
      <xdr:spPr>
        <a:xfrm>
          <a:off x="939800" y="13283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4" name="正方形/長方形 403"/>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5" name="正方形/長方形 404"/>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6" name="正方形/長方形 405"/>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7" name="正方形/長方形 406"/>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8" name="正方形/長方形 407"/>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9" name="正方形/長方形 408"/>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0" name="正方形/長方形 409"/>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1" name="正方形/長方形 410"/>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2" name="正方形/長方形 411"/>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3" name="正方形/長方形 412"/>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4" name="テキスト ボックス 413"/>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保育受け入れ枠の拡大等による扶助費の増加があったが、消費税引上げの平年度化による地方消費税交付金の増等による税収の増により比率が低下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保育所の待機児童対策などの子育て支援施策の強化や障害福祉サービスの利用者の増等による扶助費の増及び経常一般財源の減により比率が上昇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県費負担教職員の市費移管の影響により比率が上昇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教職員数の増により人件費は増となっているものの、市税収入の増等による経常一般財源の増により比率が低下した。</a:t>
          </a:r>
        </a:p>
        <a:p>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5" name="テキスト ボックス 414"/>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6" name="直線コネクタ 415"/>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7" name="テキスト ボックス 416"/>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8" name="直線コネクタ 417"/>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9" name="テキスト ボックス 418"/>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0" name="直線コネクタ 419"/>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1" name="テキスト ボックス 420"/>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2" name="直線コネクタ 421"/>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3" name="テキスト ボックス 422"/>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4" name="直線コネクタ 423"/>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5" name="テキスト ボックス 424"/>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6" name="直線コネクタ 425"/>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7" name="テキスト ボックス 426"/>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8" name="直線コネクタ 427"/>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9" name="テキスト ボックス 428"/>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4278</xdr:rowOff>
    </xdr:from>
    <xdr:to>
      <xdr:col>82</xdr:col>
      <xdr:colOff>107950</xdr:colOff>
      <xdr:row>82</xdr:row>
      <xdr:rowOff>50800</xdr:rowOff>
    </xdr:to>
    <xdr:cxnSp macro="">
      <xdr:nvCxnSpPr>
        <xdr:cNvPr id="433" name="直線コネクタ 432"/>
        <xdr:cNvCxnSpPr/>
      </xdr:nvCxnSpPr>
      <xdr:spPr>
        <a:xfrm flipV="1">
          <a:off x="16510000" y="12640128"/>
          <a:ext cx="0" cy="1469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22877</xdr:rowOff>
    </xdr:from>
    <xdr:ext cx="762000" cy="259045"/>
    <xdr:sp macro="" textlink="">
      <xdr:nvSpPr>
        <xdr:cNvPr id="434" name="公債費以外最小値テキスト"/>
        <xdr:cNvSpPr txBox="1"/>
      </xdr:nvSpPr>
      <xdr:spPr>
        <a:xfrm>
          <a:off x="165989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50800</xdr:rowOff>
    </xdr:from>
    <xdr:to>
      <xdr:col>82</xdr:col>
      <xdr:colOff>196850</xdr:colOff>
      <xdr:row>82</xdr:row>
      <xdr:rowOff>50800</xdr:rowOff>
    </xdr:to>
    <xdr:cxnSp macro="">
      <xdr:nvCxnSpPr>
        <xdr:cNvPr id="435" name="直線コネクタ 434"/>
        <xdr:cNvCxnSpPr/>
      </xdr:nvCxnSpPr>
      <xdr:spPr>
        <a:xfrm>
          <a:off x="16421100" y="1410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39205</xdr:rowOff>
    </xdr:from>
    <xdr:ext cx="762000" cy="259045"/>
    <xdr:sp macro="" textlink="">
      <xdr:nvSpPr>
        <xdr:cNvPr id="436" name="公債費以外最大値テキスト"/>
        <xdr:cNvSpPr txBox="1"/>
      </xdr:nvSpPr>
      <xdr:spPr>
        <a:xfrm>
          <a:off x="16598900" y="12383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4278</xdr:rowOff>
    </xdr:from>
    <xdr:to>
      <xdr:col>82</xdr:col>
      <xdr:colOff>196850</xdr:colOff>
      <xdr:row>73</xdr:row>
      <xdr:rowOff>124278</xdr:rowOff>
    </xdr:to>
    <xdr:cxnSp macro="">
      <xdr:nvCxnSpPr>
        <xdr:cNvPr id="437" name="直線コネクタ 436"/>
        <xdr:cNvCxnSpPr/>
      </xdr:nvCxnSpPr>
      <xdr:spPr>
        <a:xfrm>
          <a:off x="16421100" y="12640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121557</xdr:rowOff>
    </xdr:from>
    <xdr:to>
      <xdr:col>82</xdr:col>
      <xdr:colOff>107950</xdr:colOff>
      <xdr:row>80</xdr:row>
      <xdr:rowOff>143329</xdr:rowOff>
    </xdr:to>
    <xdr:cxnSp macro="">
      <xdr:nvCxnSpPr>
        <xdr:cNvPr id="438" name="直線コネクタ 437"/>
        <xdr:cNvCxnSpPr/>
      </xdr:nvCxnSpPr>
      <xdr:spPr>
        <a:xfrm flipV="1">
          <a:off x="15671800" y="13837557"/>
          <a:ext cx="8382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38298</xdr:rowOff>
    </xdr:from>
    <xdr:ext cx="762000" cy="259045"/>
    <xdr:sp macro="" textlink="">
      <xdr:nvSpPr>
        <xdr:cNvPr id="439" name="公債費以外平均値テキスト"/>
        <xdr:cNvSpPr txBox="1"/>
      </xdr:nvSpPr>
      <xdr:spPr>
        <a:xfrm>
          <a:off x="16598900" y="132399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21771</xdr:rowOff>
    </xdr:from>
    <xdr:to>
      <xdr:col>82</xdr:col>
      <xdr:colOff>158750</xdr:colOff>
      <xdr:row>78</xdr:row>
      <xdr:rowOff>123371</xdr:rowOff>
    </xdr:to>
    <xdr:sp macro="" textlink="">
      <xdr:nvSpPr>
        <xdr:cNvPr id="440" name="フローチャート: 判断 439"/>
        <xdr:cNvSpPr/>
      </xdr:nvSpPr>
      <xdr:spPr>
        <a:xfrm>
          <a:off x="16459200" y="1339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20864</xdr:rowOff>
    </xdr:from>
    <xdr:to>
      <xdr:col>78</xdr:col>
      <xdr:colOff>69850</xdr:colOff>
      <xdr:row>80</xdr:row>
      <xdr:rowOff>143329</xdr:rowOff>
    </xdr:to>
    <xdr:cxnSp macro="">
      <xdr:nvCxnSpPr>
        <xdr:cNvPr id="441" name="直線コネクタ 440"/>
        <xdr:cNvCxnSpPr/>
      </xdr:nvCxnSpPr>
      <xdr:spPr>
        <a:xfrm>
          <a:off x="14782800" y="13565414"/>
          <a:ext cx="889000" cy="293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60564</xdr:rowOff>
    </xdr:from>
    <xdr:to>
      <xdr:col>78</xdr:col>
      <xdr:colOff>120650</xdr:colOff>
      <xdr:row>78</xdr:row>
      <xdr:rowOff>90714</xdr:rowOff>
    </xdr:to>
    <xdr:sp macro="" textlink="">
      <xdr:nvSpPr>
        <xdr:cNvPr id="442" name="フローチャート: 判断 441"/>
        <xdr:cNvSpPr/>
      </xdr:nvSpPr>
      <xdr:spPr>
        <a:xfrm>
          <a:off x="15621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00891</xdr:rowOff>
    </xdr:from>
    <xdr:ext cx="736600" cy="259045"/>
    <xdr:sp macro="" textlink="">
      <xdr:nvSpPr>
        <xdr:cNvPr id="443" name="テキスト ボックス 442"/>
        <xdr:cNvSpPr txBox="1"/>
      </xdr:nvSpPr>
      <xdr:spPr>
        <a:xfrm>
          <a:off x="15290800" y="131310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35164</xdr:rowOff>
    </xdr:from>
    <xdr:to>
      <xdr:col>73</xdr:col>
      <xdr:colOff>180975</xdr:colOff>
      <xdr:row>79</xdr:row>
      <xdr:rowOff>20864</xdr:rowOff>
    </xdr:to>
    <xdr:cxnSp macro="">
      <xdr:nvCxnSpPr>
        <xdr:cNvPr id="444" name="直線コネクタ 443"/>
        <xdr:cNvCxnSpPr/>
      </xdr:nvCxnSpPr>
      <xdr:spPr>
        <a:xfrm>
          <a:off x="13893800" y="13336814"/>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81643</xdr:rowOff>
    </xdr:from>
    <xdr:to>
      <xdr:col>74</xdr:col>
      <xdr:colOff>31750</xdr:colOff>
      <xdr:row>77</xdr:row>
      <xdr:rowOff>11793</xdr:rowOff>
    </xdr:to>
    <xdr:sp macro="" textlink="">
      <xdr:nvSpPr>
        <xdr:cNvPr id="445" name="フローチャート: 判断 444"/>
        <xdr:cNvSpPr/>
      </xdr:nvSpPr>
      <xdr:spPr>
        <a:xfrm>
          <a:off x="14732000" y="13111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21970</xdr:rowOff>
    </xdr:from>
    <xdr:ext cx="762000" cy="259045"/>
    <xdr:sp macro="" textlink="">
      <xdr:nvSpPr>
        <xdr:cNvPr id="446" name="テキスト ボックス 445"/>
        <xdr:cNvSpPr txBox="1"/>
      </xdr:nvSpPr>
      <xdr:spPr>
        <a:xfrm>
          <a:off x="14401800" y="1288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35164</xdr:rowOff>
    </xdr:from>
    <xdr:to>
      <xdr:col>69</xdr:col>
      <xdr:colOff>92075</xdr:colOff>
      <xdr:row>78</xdr:row>
      <xdr:rowOff>159657</xdr:rowOff>
    </xdr:to>
    <xdr:cxnSp macro="">
      <xdr:nvCxnSpPr>
        <xdr:cNvPr id="447" name="直線コネクタ 446"/>
        <xdr:cNvCxnSpPr/>
      </xdr:nvCxnSpPr>
      <xdr:spPr>
        <a:xfrm flipV="1">
          <a:off x="13004800" y="13336814"/>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24493</xdr:rowOff>
    </xdr:from>
    <xdr:to>
      <xdr:col>69</xdr:col>
      <xdr:colOff>142875</xdr:colOff>
      <xdr:row>75</xdr:row>
      <xdr:rowOff>126093</xdr:rowOff>
    </xdr:to>
    <xdr:sp macro="" textlink="">
      <xdr:nvSpPr>
        <xdr:cNvPr id="448" name="フローチャート: 判断 447"/>
        <xdr:cNvSpPr/>
      </xdr:nvSpPr>
      <xdr:spPr>
        <a:xfrm>
          <a:off x="13843000" y="12883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136270</xdr:rowOff>
    </xdr:from>
    <xdr:ext cx="762000" cy="259045"/>
    <xdr:sp macro="" textlink="">
      <xdr:nvSpPr>
        <xdr:cNvPr id="449" name="テキスト ボックス 448"/>
        <xdr:cNvSpPr txBox="1"/>
      </xdr:nvSpPr>
      <xdr:spPr>
        <a:xfrm>
          <a:off x="13512800" y="1265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22465</xdr:rowOff>
    </xdr:from>
    <xdr:to>
      <xdr:col>65</xdr:col>
      <xdr:colOff>53975</xdr:colOff>
      <xdr:row>76</xdr:row>
      <xdr:rowOff>52614</xdr:rowOff>
    </xdr:to>
    <xdr:sp macro="" textlink="">
      <xdr:nvSpPr>
        <xdr:cNvPr id="450" name="フローチャート: 判断 449"/>
        <xdr:cNvSpPr/>
      </xdr:nvSpPr>
      <xdr:spPr>
        <a:xfrm>
          <a:off x="12954000" y="12981215"/>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62792</xdr:rowOff>
    </xdr:from>
    <xdr:ext cx="762000" cy="259045"/>
    <xdr:sp macro="" textlink="">
      <xdr:nvSpPr>
        <xdr:cNvPr id="451" name="テキスト ボックス 450"/>
        <xdr:cNvSpPr txBox="1"/>
      </xdr:nvSpPr>
      <xdr:spPr>
        <a:xfrm>
          <a:off x="12623800" y="12750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70757</xdr:rowOff>
    </xdr:from>
    <xdr:to>
      <xdr:col>82</xdr:col>
      <xdr:colOff>158750</xdr:colOff>
      <xdr:row>81</xdr:row>
      <xdr:rowOff>907</xdr:rowOff>
    </xdr:to>
    <xdr:sp macro="" textlink="">
      <xdr:nvSpPr>
        <xdr:cNvPr id="457" name="楕円 456"/>
        <xdr:cNvSpPr/>
      </xdr:nvSpPr>
      <xdr:spPr>
        <a:xfrm>
          <a:off x="16459200" y="1378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42834</xdr:rowOff>
    </xdr:from>
    <xdr:ext cx="762000" cy="259045"/>
    <xdr:sp macro="" textlink="">
      <xdr:nvSpPr>
        <xdr:cNvPr id="458" name="公債費以外該当値テキスト"/>
        <xdr:cNvSpPr txBox="1"/>
      </xdr:nvSpPr>
      <xdr:spPr>
        <a:xfrm>
          <a:off x="16598900" y="13758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92529</xdr:rowOff>
    </xdr:from>
    <xdr:to>
      <xdr:col>78</xdr:col>
      <xdr:colOff>120650</xdr:colOff>
      <xdr:row>81</xdr:row>
      <xdr:rowOff>22679</xdr:rowOff>
    </xdr:to>
    <xdr:sp macro="" textlink="">
      <xdr:nvSpPr>
        <xdr:cNvPr id="459" name="楕円 458"/>
        <xdr:cNvSpPr/>
      </xdr:nvSpPr>
      <xdr:spPr>
        <a:xfrm>
          <a:off x="15621000" y="13808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7456</xdr:rowOff>
    </xdr:from>
    <xdr:ext cx="736600" cy="259045"/>
    <xdr:sp macro="" textlink="">
      <xdr:nvSpPr>
        <xdr:cNvPr id="460" name="テキスト ボックス 459"/>
        <xdr:cNvSpPr txBox="1"/>
      </xdr:nvSpPr>
      <xdr:spPr>
        <a:xfrm>
          <a:off x="15290800" y="138949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41514</xdr:rowOff>
    </xdr:from>
    <xdr:to>
      <xdr:col>74</xdr:col>
      <xdr:colOff>31750</xdr:colOff>
      <xdr:row>79</xdr:row>
      <xdr:rowOff>71664</xdr:rowOff>
    </xdr:to>
    <xdr:sp macro="" textlink="">
      <xdr:nvSpPr>
        <xdr:cNvPr id="461" name="楕円 460"/>
        <xdr:cNvSpPr/>
      </xdr:nvSpPr>
      <xdr:spPr>
        <a:xfrm>
          <a:off x="14732000" y="13514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56441</xdr:rowOff>
    </xdr:from>
    <xdr:ext cx="762000" cy="259045"/>
    <xdr:sp macro="" textlink="">
      <xdr:nvSpPr>
        <xdr:cNvPr id="462" name="テキスト ボックス 461"/>
        <xdr:cNvSpPr txBox="1"/>
      </xdr:nvSpPr>
      <xdr:spPr>
        <a:xfrm>
          <a:off x="144018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84364</xdr:rowOff>
    </xdr:from>
    <xdr:to>
      <xdr:col>69</xdr:col>
      <xdr:colOff>142875</xdr:colOff>
      <xdr:row>78</xdr:row>
      <xdr:rowOff>14514</xdr:rowOff>
    </xdr:to>
    <xdr:sp macro="" textlink="">
      <xdr:nvSpPr>
        <xdr:cNvPr id="463" name="楕円 462"/>
        <xdr:cNvSpPr/>
      </xdr:nvSpPr>
      <xdr:spPr>
        <a:xfrm>
          <a:off x="13843000" y="13286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170741</xdr:rowOff>
    </xdr:from>
    <xdr:ext cx="762000" cy="259045"/>
    <xdr:sp macro="" textlink="">
      <xdr:nvSpPr>
        <xdr:cNvPr id="464" name="テキスト ボックス 463"/>
        <xdr:cNvSpPr txBox="1"/>
      </xdr:nvSpPr>
      <xdr:spPr>
        <a:xfrm>
          <a:off x="13512800" y="13372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08857</xdr:rowOff>
    </xdr:from>
    <xdr:to>
      <xdr:col>65</xdr:col>
      <xdr:colOff>53975</xdr:colOff>
      <xdr:row>79</xdr:row>
      <xdr:rowOff>39007</xdr:rowOff>
    </xdr:to>
    <xdr:sp macro="" textlink="">
      <xdr:nvSpPr>
        <xdr:cNvPr id="465" name="楕円 464"/>
        <xdr:cNvSpPr/>
      </xdr:nvSpPr>
      <xdr:spPr>
        <a:xfrm>
          <a:off x="12954000" y="1348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23784</xdr:rowOff>
    </xdr:from>
    <xdr:ext cx="762000" cy="259045"/>
    <xdr:sp macro="" textlink="">
      <xdr:nvSpPr>
        <xdr:cNvPr id="466" name="テキスト ボックス 465"/>
        <xdr:cNvSpPr txBox="1"/>
      </xdr:nvSpPr>
      <xdr:spPr>
        <a:xfrm>
          <a:off x="12623800" y="1356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59296</xdr:rowOff>
    </xdr:from>
    <xdr:to>
      <xdr:col>29</xdr:col>
      <xdr:colOff>127000</xdr:colOff>
      <xdr:row>17</xdr:row>
      <xdr:rowOff>3975</xdr:rowOff>
    </xdr:to>
    <xdr:cxnSp macro="">
      <xdr:nvCxnSpPr>
        <xdr:cNvPr id="43" name="直線コネクタ 42"/>
        <xdr:cNvCxnSpPr/>
      </xdr:nvCxnSpPr>
      <xdr:spPr bwMode="auto">
        <a:xfrm flipV="1">
          <a:off x="5651500" y="2164321"/>
          <a:ext cx="0" cy="80192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6</xdr:row>
      <xdr:rowOff>147502</xdr:rowOff>
    </xdr:from>
    <xdr:ext cx="762000" cy="259045"/>
    <xdr:sp macro="" textlink="">
      <xdr:nvSpPr>
        <xdr:cNvPr id="44" name="人口1人当たり決算額の推移最小値テキスト130"/>
        <xdr:cNvSpPr txBox="1"/>
      </xdr:nvSpPr>
      <xdr:spPr>
        <a:xfrm>
          <a:off x="5740400" y="2938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7</xdr:row>
      <xdr:rowOff>3975</xdr:rowOff>
    </xdr:from>
    <xdr:to>
      <xdr:col>30</xdr:col>
      <xdr:colOff>25400</xdr:colOff>
      <xdr:row>17</xdr:row>
      <xdr:rowOff>3975</xdr:rowOff>
    </xdr:to>
    <xdr:cxnSp macro="">
      <xdr:nvCxnSpPr>
        <xdr:cNvPr id="45" name="直線コネクタ 44"/>
        <xdr:cNvCxnSpPr/>
      </xdr:nvCxnSpPr>
      <xdr:spPr bwMode="auto">
        <a:xfrm>
          <a:off x="5562600" y="296625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45673</xdr:rowOff>
    </xdr:from>
    <xdr:ext cx="762000" cy="259045"/>
    <xdr:sp macro="" textlink="">
      <xdr:nvSpPr>
        <xdr:cNvPr id="46" name="人口1人当たり決算額の推移最大値テキスト130"/>
        <xdr:cNvSpPr txBox="1"/>
      </xdr:nvSpPr>
      <xdr:spPr>
        <a:xfrm>
          <a:off x="5740400" y="1907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5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59296</xdr:rowOff>
    </xdr:from>
    <xdr:to>
      <xdr:col>30</xdr:col>
      <xdr:colOff>25400</xdr:colOff>
      <xdr:row>12</xdr:row>
      <xdr:rowOff>59296</xdr:rowOff>
    </xdr:to>
    <xdr:cxnSp macro="">
      <xdr:nvCxnSpPr>
        <xdr:cNvPr id="47" name="直線コネクタ 46"/>
        <xdr:cNvCxnSpPr/>
      </xdr:nvCxnSpPr>
      <xdr:spPr bwMode="auto">
        <a:xfrm>
          <a:off x="5562600" y="216432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155583</xdr:rowOff>
    </xdr:from>
    <xdr:to>
      <xdr:col>29</xdr:col>
      <xdr:colOff>127000</xdr:colOff>
      <xdr:row>14</xdr:row>
      <xdr:rowOff>160909</xdr:rowOff>
    </xdr:to>
    <xdr:cxnSp macro="">
      <xdr:nvCxnSpPr>
        <xdr:cNvPr id="48" name="直線コネクタ 47"/>
        <xdr:cNvCxnSpPr/>
      </xdr:nvCxnSpPr>
      <xdr:spPr bwMode="auto">
        <a:xfrm>
          <a:off x="5003800" y="2603508"/>
          <a:ext cx="647700" cy="53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3</xdr:row>
      <xdr:rowOff>55519</xdr:rowOff>
    </xdr:from>
    <xdr:ext cx="762000" cy="259045"/>
    <xdr:sp macro="" textlink="">
      <xdr:nvSpPr>
        <xdr:cNvPr id="49" name="人口1人当たり決算額の推移平均値テキスト130"/>
        <xdr:cNvSpPr txBox="1"/>
      </xdr:nvSpPr>
      <xdr:spPr>
        <a:xfrm>
          <a:off x="5740400" y="23319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38992</xdr:rowOff>
    </xdr:from>
    <xdr:to>
      <xdr:col>29</xdr:col>
      <xdr:colOff>177800</xdr:colOff>
      <xdr:row>14</xdr:row>
      <xdr:rowOff>140592</xdr:rowOff>
    </xdr:to>
    <xdr:sp macro="" textlink="">
      <xdr:nvSpPr>
        <xdr:cNvPr id="50" name="フローチャート: 判断 49"/>
        <xdr:cNvSpPr/>
      </xdr:nvSpPr>
      <xdr:spPr bwMode="auto">
        <a:xfrm>
          <a:off x="5600700" y="24869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4</xdr:row>
      <xdr:rowOff>155583</xdr:rowOff>
    </xdr:from>
    <xdr:to>
      <xdr:col>26</xdr:col>
      <xdr:colOff>50800</xdr:colOff>
      <xdr:row>19</xdr:row>
      <xdr:rowOff>74658</xdr:rowOff>
    </xdr:to>
    <xdr:cxnSp macro="">
      <xdr:nvCxnSpPr>
        <xdr:cNvPr id="51" name="直線コネクタ 50"/>
        <xdr:cNvCxnSpPr/>
      </xdr:nvCxnSpPr>
      <xdr:spPr bwMode="auto">
        <a:xfrm flipV="1">
          <a:off x="4305300" y="2603508"/>
          <a:ext cx="698500" cy="7763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4</xdr:row>
      <xdr:rowOff>43769</xdr:rowOff>
    </xdr:from>
    <xdr:to>
      <xdr:col>26</xdr:col>
      <xdr:colOff>101600</xdr:colOff>
      <xdr:row>14</xdr:row>
      <xdr:rowOff>145369</xdr:rowOff>
    </xdr:to>
    <xdr:sp macro="" textlink="">
      <xdr:nvSpPr>
        <xdr:cNvPr id="52" name="フローチャート: 判断 51"/>
        <xdr:cNvSpPr/>
      </xdr:nvSpPr>
      <xdr:spPr bwMode="auto">
        <a:xfrm>
          <a:off x="4953000" y="24916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155546</xdr:rowOff>
    </xdr:from>
    <xdr:ext cx="736600" cy="259045"/>
    <xdr:sp macro="" textlink="">
      <xdr:nvSpPr>
        <xdr:cNvPr id="53" name="テキスト ボックス 52"/>
        <xdr:cNvSpPr txBox="1"/>
      </xdr:nvSpPr>
      <xdr:spPr>
        <a:xfrm>
          <a:off x="4622800" y="22605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62611</xdr:rowOff>
    </xdr:from>
    <xdr:to>
      <xdr:col>22</xdr:col>
      <xdr:colOff>114300</xdr:colOff>
      <xdr:row>19</xdr:row>
      <xdr:rowOff>74658</xdr:rowOff>
    </xdr:to>
    <xdr:cxnSp macro="">
      <xdr:nvCxnSpPr>
        <xdr:cNvPr id="54" name="直線コネクタ 53"/>
        <xdr:cNvCxnSpPr/>
      </xdr:nvCxnSpPr>
      <xdr:spPr bwMode="auto">
        <a:xfrm>
          <a:off x="3606800" y="3367786"/>
          <a:ext cx="698500" cy="120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9</xdr:row>
      <xdr:rowOff>42763</xdr:rowOff>
    </xdr:from>
    <xdr:to>
      <xdr:col>22</xdr:col>
      <xdr:colOff>165100</xdr:colOff>
      <xdr:row>19</xdr:row>
      <xdr:rowOff>144363</xdr:rowOff>
    </xdr:to>
    <xdr:sp macro="" textlink="">
      <xdr:nvSpPr>
        <xdr:cNvPr id="55" name="フローチャート: 判断 54"/>
        <xdr:cNvSpPr/>
      </xdr:nvSpPr>
      <xdr:spPr bwMode="auto">
        <a:xfrm>
          <a:off x="4254500" y="33479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129140</xdr:rowOff>
    </xdr:from>
    <xdr:ext cx="762000" cy="259045"/>
    <xdr:sp macro="" textlink="">
      <xdr:nvSpPr>
        <xdr:cNvPr id="56" name="テキスト ボックス 55"/>
        <xdr:cNvSpPr txBox="1"/>
      </xdr:nvSpPr>
      <xdr:spPr>
        <a:xfrm>
          <a:off x="3924300" y="3434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55525</xdr:rowOff>
    </xdr:from>
    <xdr:to>
      <xdr:col>18</xdr:col>
      <xdr:colOff>177800</xdr:colOff>
      <xdr:row>19</xdr:row>
      <xdr:rowOff>62611</xdr:rowOff>
    </xdr:to>
    <xdr:cxnSp macro="">
      <xdr:nvCxnSpPr>
        <xdr:cNvPr id="57" name="直線コネクタ 56"/>
        <xdr:cNvCxnSpPr/>
      </xdr:nvCxnSpPr>
      <xdr:spPr bwMode="auto">
        <a:xfrm>
          <a:off x="2908300" y="3360700"/>
          <a:ext cx="698500" cy="70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9</xdr:row>
      <xdr:rowOff>34877</xdr:rowOff>
    </xdr:from>
    <xdr:to>
      <xdr:col>19</xdr:col>
      <xdr:colOff>38100</xdr:colOff>
      <xdr:row>19</xdr:row>
      <xdr:rowOff>136477</xdr:rowOff>
    </xdr:to>
    <xdr:sp macro="" textlink="">
      <xdr:nvSpPr>
        <xdr:cNvPr id="58" name="フローチャート: 判断 57"/>
        <xdr:cNvSpPr/>
      </xdr:nvSpPr>
      <xdr:spPr bwMode="auto">
        <a:xfrm>
          <a:off x="3556000" y="334005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121254</xdr:rowOff>
    </xdr:from>
    <xdr:ext cx="762000" cy="259045"/>
    <xdr:sp macro="" textlink="">
      <xdr:nvSpPr>
        <xdr:cNvPr id="59" name="テキスト ボックス 58"/>
        <xdr:cNvSpPr txBox="1"/>
      </xdr:nvSpPr>
      <xdr:spPr>
        <a:xfrm>
          <a:off x="3225800" y="3426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42604</xdr:rowOff>
    </xdr:from>
    <xdr:to>
      <xdr:col>15</xdr:col>
      <xdr:colOff>101600</xdr:colOff>
      <xdr:row>19</xdr:row>
      <xdr:rowOff>144204</xdr:rowOff>
    </xdr:to>
    <xdr:sp macro="" textlink="">
      <xdr:nvSpPr>
        <xdr:cNvPr id="60" name="フローチャート: 判断 59"/>
        <xdr:cNvSpPr/>
      </xdr:nvSpPr>
      <xdr:spPr bwMode="auto">
        <a:xfrm>
          <a:off x="2857500" y="33477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28981</xdr:rowOff>
    </xdr:from>
    <xdr:ext cx="762000" cy="259045"/>
    <xdr:sp macro="" textlink="">
      <xdr:nvSpPr>
        <xdr:cNvPr id="61" name="テキスト ボックス 60"/>
        <xdr:cNvSpPr txBox="1"/>
      </xdr:nvSpPr>
      <xdr:spPr>
        <a:xfrm>
          <a:off x="2527300" y="3434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110109</xdr:rowOff>
    </xdr:from>
    <xdr:to>
      <xdr:col>29</xdr:col>
      <xdr:colOff>177800</xdr:colOff>
      <xdr:row>15</xdr:row>
      <xdr:rowOff>40259</xdr:rowOff>
    </xdr:to>
    <xdr:sp macro="" textlink="">
      <xdr:nvSpPr>
        <xdr:cNvPr id="67" name="楕円 66"/>
        <xdr:cNvSpPr/>
      </xdr:nvSpPr>
      <xdr:spPr bwMode="auto">
        <a:xfrm>
          <a:off x="5600700" y="25580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82186</xdr:rowOff>
    </xdr:from>
    <xdr:ext cx="762000" cy="259045"/>
    <xdr:sp macro="" textlink="">
      <xdr:nvSpPr>
        <xdr:cNvPr id="68" name="人口1人当たり決算額の推移該当値テキスト130"/>
        <xdr:cNvSpPr txBox="1"/>
      </xdr:nvSpPr>
      <xdr:spPr>
        <a:xfrm>
          <a:off x="5740400" y="2530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104783</xdr:rowOff>
    </xdr:from>
    <xdr:to>
      <xdr:col>26</xdr:col>
      <xdr:colOff>101600</xdr:colOff>
      <xdr:row>15</xdr:row>
      <xdr:rowOff>34933</xdr:rowOff>
    </xdr:to>
    <xdr:sp macro="" textlink="">
      <xdr:nvSpPr>
        <xdr:cNvPr id="69" name="楕円 68"/>
        <xdr:cNvSpPr/>
      </xdr:nvSpPr>
      <xdr:spPr bwMode="auto">
        <a:xfrm>
          <a:off x="4953000" y="25527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9710</xdr:rowOff>
    </xdr:from>
    <xdr:ext cx="736600" cy="259045"/>
    <xdr:sp macro="" textlink="">
      <xdr:nvSpPr>
        <xdr:cNvPr id="70" name="テキスト ボックス 69"/>
        <xdr:cNvSpPr txBox="1"/>
      </xdr:nvSpPr>
      <xdr:spPr>
        <a:xfrm>
          <a:off x="4622800" y="26390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23858</xdr:rowOff>
    </xdr:from>
    <xdr:to>
      <xdr:col>22</xdr:col>
      <xdr:colOff>165100</xdr:colOff>
      <xdr:row>19</xdr:row>
      <xdr:rowOff>125458</xdr:rowOff>
    </xdr:to>
    <xdr:sp macro="" textlink="">
      <xdr:nvSpPr>
        <xdr:cNvPr id="71" name="楕円 70"/>
        <xdr:cNvSpPr/>
      </xdr:nvSpPr>
      <xdr:spPr bwMode="auto">
        <a:xfrm>
          <a:off x="4254500" y="33290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35635</xdr:rowOff>
    </xdr:from>
    <xdr:ext cx="762000" cy="259045"/>
    <xdr:sp macro="" textlink="">
      <xdr:nvSpPr>
        <xdr:cNvPr id="72" name="テキスト ボックス 71"/>
        <xdr:cNvSpPr txBox="1"/>
      </xdr:nvSpPr>
      <xdr:spPr>
        <a:xfrm>
          <a:off x="3924300" y="3097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11811</xdr:rowOff>
    </xdr:from>
    <xdr:to>
      <xdr:col>19</xdr:col>
      <xdr:colOff>38100</xdr:colOff>
      <xdr:row>19</xdr:row>
      <xdr:rowOff>113411</xdr:rowOff>
    </xdr:to>
    <xdr:sp macro="" textlink="">
      <xdr:nvSpPr>
        <xdr:cNvPr id="73" name="楕円 72"/>
        <xdr:cNvSpPr/>
      </xdr:nvSpPr>
      <xdr:spPr bwMode="auto">
        <a:xfrm>
          <a:off x="3556000" y="33169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23588</xdr:rowOff>
    </xdr:from>
    <xdr:ext cx="762000" cy="259045"/>
    <xdr:sp macro="" textlink="">
      <xdr:nvSpPr>
        <xdr:cNvPr id="74" name="テキスト ボックス 73"/>
        <xdr:cNvSpPr txBox="1"/>
      </xdr:nvSpPr>
      <xdr:spPr>
        <a:xfrm>
          <a:off x="3225800" y="3085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4725</xdr:rowOff>
    </xdr:from>
    <xdr:to>
      <xdr:col>15</xdr:col>
      <xdr:colOff>101600</xdr:colOff>
      <xdr:row>19</xdr:row>
      <xdr:rowOff>106325</xdr:rowOff>
    </xdr:to>
    <xdr:sp macro="" textlink="">
      <xdr:nvSpPr>
        <xdr:cNvPr id="75" name="楕円 74"/>
        <xdr:cNvSpPr/>
      </xdr:nvSpPr>
      <xdr:spPr bwMode="auto">
        <a:xfrm>
          <a:off x="2857500" y="33099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16501</xdr:rowOff>
    </xdr:from>
    <xdr:ext cx="762000" cy="259045"/>
    <xdr:sp macro="" textlink="">
      <xdr:nvSpPr>
        <xdr:cNvPr id="76" name="テキスト ボックス 75"/>
        <xdr:cNvSpPr txBox="1"/>
      </xdr:nvSpPr>
      <xdr:spPr>
        <a:xfrm>
          <a:off x="2527300" y="30787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2" name="直線コネクタ 91"/>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3" name="テキスト ボックス 92"/>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4" name="直線コネクタ 93"/>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5" name="テキスト ボックス 94"/>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6" name="直線コネクタ 95"/>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97" name="テキスト ボックス 96"/>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98" name="直線コネクタ 97"/>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99" name="テキスト ボックス 98"/>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0" name="直線コネクタ 99"/>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1" name="テキスト ボックス 100"/>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2"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06599</xdr:rowOff>
    </xdr:from>
    <xdr:to>
      <xdr:col>29</xdr:col>
      <xdr:colOff>127000</xdr:colOff>
      <xdr:row>37</xdr:row>
      <xdr:rowOff>114702</xdr:rowOff>
    </xdr:to>
    <xdr:cxnSp macro="">
      <xdr:nvCxnSpPr>
        <xdr:cNvPr id="103" name="直線コネクタ 102"/>
        <xdr:cNvCxnSpPr/>
      </xdr:nvCxnSpPr>
      <xdr:spPr bwMode="auto">
        <a:xfrm flipV="1">
          <a:off x="5651500" y="6131149"/>
          <a:ext cx="0" cy="110825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86779</xdr:rowOff>
    </xdr:from>
    <xdr:ext cx="762000" cy="259045"/>
    <xdr:sp macro="" textlink="">
      <xdr:nvSpPr>
        <xdr:cNvPr id="104" name="人口1人当たり決算額の推移最小値テキスト445"/>
        <xdr:cNvSpPr txBox="1"/>
      </xdr:nvSpPr>
      <xdr:spPr>
        <a:xfrm>
          <a:off x="5740400" y="7211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14702</xdr:rowOff>
    </xdr:from>
    <xdr:to>
      <xdr:col>30</xdr:col>
      <xdr:colOff>25400</xdr:colOff>
      <xdr:row>37</xdr:row>
      <xdr:rowOff>114702</xdr:rowOff>
    </xdr:to>
    <xdr:cxnSp macro="">
      <xdr:nvCxnSpPr>
        <xdr:cNvPr id="105" name="直線コネクタ 104"/>
        <xdr:cNvCxnSpPr/>
      </xdr:nvCxnSpPr>
      <xdr:spPr bwMode="auto">
        <a:xfrm>
          <a:off x="5562600" y="723940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21526</xdr:rowOff>
    </xdr:from>
    <xdr:ext cx="762000" cy="259045"/>
    <xdr:sp macro="" textlink="">
      <xdr:nvSpPr>
        <xdr:cNvPr id="106" name="人口1人当たり決算額の推移最大値テキスト445"/>
        <xdr:cNvSpPr txBox="1"/>
      </xdr:nvSpPr>
      <xdr:spPr>
        <a:xfrm>
          <a:off x="5740400" y="58746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06599</xdr:rowOff>
    </xdr:from>
    <xdr:to>
      <xdr:col>30</xdr:col>
      <xdr:colOff>25400</xdr:colOff>
      <xdr:row>33</xdr:row>
      <xdr:rowOff>206599</xdr:rowOff>
    </xdr:to>
    <xdr:cxnSp macro="">
      <xdr:nvCxnSpPr>
        <xdr:cNvPr id="107" name="直線コネクタ 106"/>
        <xdr:cNvCxnSpPr/>
      </xdr:nvCxnSpPr>
      <xdr:spPr bwMode="auto">
        <a:xfrm>
          <a:off x="5562600" y="61311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81280</xdr:rowOff>
    </xdr:from>
    <xdr:to>
      <xdr:col>29</xdr:col>
      <xdr:colOff>127000</xdr:colOff>
      <xdr:row>35</xdr:row>
      <xdr:rowOff>221321</xdr:rowOff>
    </xdr:to>
    <xdr:cxnSp macro="">
      <xdr:nvCxnSpPr>
        <xdr:cNvPr id="108" name="直線コネクタ 107"/>
        <xdr:cNvCxnSpPr/>
      </xdr:nvCxnSpPr>
      <xdr:spPr bwMode="auto">
        <a:xfrm flipV="1">
          <a:off x="5003800" y="6691630"/>
          <a:ext cx="647700" cy="1400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204695</xdr:rowOff>
    </xdr:from>
    <xdr:ext cx="762000" cy="259045"/>
    <xdr:sp macro="" textlink="">
      <xdr:nvSpPr>
        <xdr:cNvPr id="109" name="人口1人当たり決算額の推移平均値テキスト445"/>
        <xdr:cNvSpPr txBox="1"/>
      </xdr:nvSpPr>
      <xdr:spPr>
        <a:xfrm>
          <a:off x="5740400" y="647214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6718</xdr:rowOff>
    </xdr:from>
    <xdr:to>
      <xdr:col>29</xdr:col>
      <xdr:colOff>177800</xdr:colOff>
      <xdr:row>35</xdr:row>
      <xdr:rowOff>118318</xdr:rowOff>
    </xdr:to>
    <xdr:sp macro="" textlink="">
      <xdr:nvSpPr>
        <xdr:cNvPr id="110" name="フローチャート: 判断 109"/>
        <xdr:cNvSpPr/>
      </xdr:nvSpPr>
      <xdr:spPr bwMode="auto">
        <a:xfrm>
          <a:off x="5600700" y="662706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21321</xdr:rowOff>
    </xdr:from>
    <xdr:to>
      <xdr:col>26</xdr:col>
      <xdr:colOff>50800</xdr:colOff>
      <xdr:row>35</xdr:row>
      <xdr:rowOff>233116</xdr:rowOff>
    </xdr:to>
    <xdr:cxnSp macro="">
      <xdr:nvCxnSpPr>
        <xdr:cNvPr id="111" name="直線コネクタ 110"/>
        <xdr:cNvCxnSpPr/>
      </xdr:nvCxnSpPr>
      <xdr:spPr bwMode="auto">
        <a:xfrm flipV="1">
          <a:off x="4305300" y="6831671"/>
          <a:ext cx="698500" cy="117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48082</xdr:rowOff>
    </xdr:from>
    <xdr:to>
      <xdr:col>26</xdr:col>
      <xdr:colOff>101600</xdr:colOff>
      <xdr:row>35</xdr:row>
      <xdr:rowOff>149682</xdr:rowOff>
    </xdr:to>
    <xdr:sp macro="" textlink="">
      <xdr:nvSpPr>
        <xdr:cNvPr id="112" name="フローチャート: 判断 111"/>
        <xdr:cNvSpPr/>
      </xdr:nvSpPr>
      <xdr:spPr bwMode="auto">
        <a:xfrm>
          <a:off x="4953000" y="66584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59859</xdr:rowOff>
    </xdr:from>
    <xdr:ext cx="736600" cy="259045"/>
    <xdr:sp macro="" textlink="">
      <xdr:nvSpPr>
        <xdr:cNvPr id="113" name="テキスト ボックス 112"/>
        <xdr:cNvSpPr txBox="1"/>
      </xdr:nvSpPr>
      <xdr:spPr>
        <a:xfrm>
          <a:off x="4622800" y="64273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33116</xdr:rowOff>
    </xdr:from>
    <xdr:to>
      <xdr:col>22</xdr:col>
      <xdr:colOff>114300</xdr:colOff>
      <xdr:row>35</xdr:row>
      <xdr:rowOff>320304</xdr:rowOff>
    </xdr:to>
    <xdr:cxnSp macro="">
      <xdr:nvCxnSpPr>
        <xdr:cNvPr id="114" name="直線コネクタ 113"/>
        <xdr:cNvCxnSpPr/>
      </xdr:nvCxnSpPr>
      <xdr:spPr bwMode="auto">
        <a:xfrm flipV="1">
          <a:off x="3606800" y="6843466"/>
          <a:ext cx="698500" cy="871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4</xdr:row>
      <xdr:rowOff>292319</xdr:rowOff>
    </xdr:from>
    <xdr:to>
      <xdr:col>22</xdr:col>
      <xdr:colOff>165100</xdr:colOff>
      <xdr:row>35</xdr:row>
      <xdr:rowOff>51019</xdr:rowOff>
    </xdr:to>
    <xdr:sp macro="" textlink="">
      <xdr:nvSpPr>
        <xdr:cNvPr id="115" name="フローチャート: 判断 114"/>
        <xdr:cNvSpPr/>
      </xdr:nvSpPr>
      <xdr:spPr bwMode="auto">
        <a:xfrm>
          <a:off x="4254500" y="65597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61196</xdr:rowOff>
    </xdr:from>
    <xdr:ext cx="762000" cy="259045"/>
    <xdr:sp macro="" textlink="">
      <xdr:nvSpPr>
        <xdr:cNvPr id="116" name="テキスト ボックス 115"/>
        <xdr:cNvSpPr txBox="1"/>
      </xdr:nvSpPr>
      <xdr:spPr>
        <a:xfrm>
          <a:off x="3924300" y="6328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31608</xdr:rowOff>
    </xdr:from>
    <xdr:to>
      <xdr:col>18</xdr:col>
      <xdr:colOff>177800</xdr:colOff>
      <xdr:row>35</xdr:row>
      <xdr:rowOff>320304</xdr:rowOff>
    </xdr:to>
    <xdr:cxnSp macro="">
      <xdr:nvCxnSpPr>
        <xdr:cNvPr id="117" name="直線コネクタ 116"/>
        <xdr:cNvCxnSpPr/>
      </xdr:nvCxnSpPr>
      <xdr:spPr bwMode="auto">
        <a:xfrm>
          <a:off x="2908300" y="6841958"/>
          <a:ext cx="698500" cy="8869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4</xdr:row>
      <xdr:rowOff>214869</xdr:rowOff>
    </xdr:from>
    <xdr:to>
      <xdr:col>19</xdr:col>
      <xdr:colOff>38100</xdr:colOff>
      <xdr:row>34</xdr:row>
      <xdr:rowOff>316469</xdr:rowOff>
    </xdr:to>
    <xdr:sp macro="" textlink="">
      <xdr:nvSpPr>
        <xdr:cNvPr id="118" name="フローチャート: 判断 117"/>
        <xdr:cNvSpPr/>
      </xdr:nvSpPr>
      <xdr:spPr bwMode="auto">
        <a:xfrm>
          <a:off x="3556000" y="64823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3</xdr:row>
      <xdr:rowOff>326646</xdr:rowOff>
    </xdr:from>
    <xdr:ext cx="762000" cy="259045"/>
    <xdr:sp macro="" textlink="">
      <xdr:nvSpPr>
        <xdr:cNvPr id="119" name="テキスト ボックス 118"/>
        <xdr:cNvSpPr txBox="1"/>
      </xdr:nvSpPr>
      <xdr:spPr>
        <a:xfrm>
          <a:off x="3225800" y="6251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36230</xdr:rowOff>
    </xdr:from>
    <xdr:to>
      <xdr:col>15</xdr:col>
      <xdr:colOff>101600</xdr:colOff>
      <xdr:row>34</xdr:row>
      <xdr:rowOff>237830</xdr:rowOff>
    </xdr:to>
    <xdr:sp macro="" textlink="">
      <xdr:nvSpPr>
        <xdr:cNvPr id="120" name="フローチャート: 判断 119"/>
        <xdr:cNvSpPr/>
      </xdr:nvSpPr>
      <xdr:spPr bwMode="auto">
        <a:xfrm>
          <a:off x="2857500" y="640368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3</xdr:row>
      <xdr:rowOff>248007</xdr:rowOff>
    </xdr:from>
    <xdr:ext cx="762000" cy="259045"/>
    <xdr:sp macro="" textlink="">
      <xdr:nvSpPr>
        <xdr:cNvPr id="121" name="テキスト ボックス 120"/>
        <xdr:cNvSpPr txBox="1"/>
      </xdr:nvSpPr>
      <xdr:spPr>
        <a:xfrm>
          <a:off x="2527300" y="6172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2" name="テキスト ボックス 121"/>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3" name="テキスト ボックス 122"/>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4" name="テキスト ボックス 123"/>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5" name="テキスト ボックス 124"/>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6" name="テキスト ボックス 125"/>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0480</xdr:rowOff>
    </xdr:from>
    <xdr:to>
      <xdr:col>29</xdr:col>
      <xdr:colOff>177800</xdr:colOff>
      <xdr:row>35</xdr:row>
      <xdr:rowOff>132080</xdr:rowOff>
    </xdr:to>
    <xdr:sp macro="" textlink="">
      <xdr:nvSpPr>
        <xdr:cNvPr id="127" name="楕円 126"/>
        <xdr:cNvSpPr/>
      </xdr:nvSpPr>
      <xdr:spPr bwMode="auto">
        <a:xfrm>
          <a:off x="5600700" y="66408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557</xdr:rowOff>
    </xdr:from>
    <xdr:ext cx="762000" cy="259045"/>
    <xdr:sp macro="" textlink="">
      <xdr:nvSpPr>
        <xdr:cNvPr id="128" name="人口1人当たり決算額の推移該当値テキスト445"/>
        <xdr:cNvSpPr txBox="1"/>
      </xdr:nvSpPr>
      <xdr:spPr>
        <a:xfrm>
          <a:off x="5740400" y="661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170521</xdr:rowOff>
    </xdr:from>
    <xdr:to>
      <xdr:col>26</xdr:col>
      <xdr:colOff>101600</xdr:colOff>
      <xdr:row>35</xdr:row>
      <xdr:rowOff>272121</xdr:rowOff>
    </xdr:to>
    <xdr:sp macro="" textlink="">
      <xdr:nvSpPr>
        <xdr:cNvPr id="129" name="楕円 128"/>
        <xdr:cNvSpPr/>
      </xdr:nvSpPr>
      <xdr:spPr bwMode="auto">
        <a:xfrm>
          <a:off x="4953000" y="67808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56898</xdr:rowOff>
    </xdr:from>
    <xdr:ext cx="736600" cy="259045"/>
    <xdr:sp macro="" textlink="">
      <xdr:nvSpPr>
        <xdr:cNvPr id="130" name="テキスト ボックス 129"/>
        <xdr:cNvSpPr txBox="1"/>
      </xdr:nvSpPr>
      <xdr:spPr>
        <a:xfrm>
          <a:off x="4622800" y="68672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182316</xdr:rowOff>
    </xdr:from>
    <xdr:to>
      <xdr:col>22</xdr:col>
      <xdr:colOff>165100</xdr:colOff>
      <xdr:row>35</xdr:row>
      <xdr:rowOff>283916</xdr:rowOff>
    </xdr:to>
    <xdr:sp macro="" textlink="">
      <xdr:nvSpPr>
        <xdr:cNvPr id="131" name="楕円 130"/>
        <xdr:cNvSpPr/>
      </xdr:nvSpPr>
      <xdr:spPr bwMode="auto">
        <a:xfrm>
          <a:off x="4254500" y="67926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68693</xdr:rowOff>
    </xdr:from>
    <xdr:ext cx="762000" cy="259045"/>
    <xdr:sp macro="" textlink="">
      <xdr:nvSpPr>
        <xdr:cNvPr id="132" name="テキスト ボックス 131"/>
        <xdr:cNvSpPr txBox="1"/>
      </xdr:nvSpPr>
      <xdr:spPr>
        <a:xfrm>
          <a:off x="3924300" y="68790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69504</xdr:rowOff>
    </xdr:from>
    <xdr:to>
      <xdr:col>19</xdr:col>
      <xdr:colOff>38100</xdr:colOff>
      <xdr:row>36</xdr:row>
      <xdr:rowOff>28204</xdr:rowOff>
    </xdr:to>
    <xdr:sp macro="" textlink="">
      <xdr:nvSpPr>
        <xdr:cNvPr id="133" name="楕円 132"/>
        <xdr:cNvSpPr/>
      </xdr:nvSpPr>
      <xdr:spPr bwMode="auto">
        <a:xfrm>
          <a:off x="3556000" y="68798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2981</xdr:rowOff>
    </xdr:from>
    <xdr:ext cx="762000" cy="259045"/>
    <xdr:sp macro="" textlink="">
      <xdr:nvSpPr>
        <xdr:cNvPr id="134" name="テキスト ボックス 133"/>
        <xdr:cNvSpPr txBox="1"/>
      </xdr:nvSpPr>
      <xdr:spPr>
        <a:xfrm>
          <a:off x="3225800" y="69662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80808</xdr:rowOff>
    </xdr:from>
    <xdr:to>
      <xdr:col>15</xdr:col>
      <xdr:colOff>101600</xdr:colOff>
      <xdr:row>35</xdr:row>
      <xdr:rowOff>282408</xdr:rowOff>
    </xdr:to>
    <xdr:sp macro="" textlink="">
      <xdr:nvSpPr>
        <xdr:cNvPr id="135" name="楕円 134"/>
        <xdr:cNvSpPr/>
      </xdr:nvSpPr>
      <xdr:spPr bwMode="auto">
        <a:xfrm>
          <a:off x="2857500" y="679115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67185</xdr:rowOff>
    </xdr:from>
    <xdr:ext cx="762000" cy="259045"/>
    <xdr:sp macro="" textlink="">
      <xdr:nvSpPr>
        <xdr:cNvPr id="136" name="テキスト ボックス 135"/>
        <xdr:cNvSpPr txBox="1"/>
      </xdr:nvSpPr>
      <xdr:spPr>
        <a:xfrm>
          <a:off x="2527300" y="68775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00,460
1,458,758
143.01
715,393,440
712,401,058
629,064
368,483,160
814,670,80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1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8" name="テキスト ボックス 47"/>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37163</xdr:rowOff>
    </xdr:from>
    <xdr:to>
      <xdr:col>24</xdr:col>
      <xdr:colOff>62865</xdr:colOff>
      <xdr:row>35</xdr:row>
      <xdr:rowOff>114508</xdr:rowOff>
    </xdr:to>
    <xdr:cxnSp macro="">
      <xdr:nvCxnSpPr>
        <xdr:cNvPr id="54" name="直線コネクタ 53"/>
        <xdr:cNvCxnSpPr/>
      </xdr:nvCxnSpPr>
      <xdr:spPr>
        <a:xfrm flipV="1">
          <a:off x="4633595" y="5280663"/>
          <a:ext cx="1270" cy="834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8335</xdr:rowOff>
    </xdr:from>
    <xdr:ext cx="534377" cy="259045"/>
    <xdr:sp macro="" textlink="">
      <xdr:nvSpPr>
        <xdr:cNvPr id="55" name="人件費最小値テキスト"/>
        <xdr:cNvSpPr txBox="1"/>
      </xdr:nvSpPr>
      <xdr:spPr>
        <a:xfrm>
          <a:off x="4686300" y="6119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5</xdr:row>
      <xdr:rowOff>114508</xdr:rowOff>
    </xdr:from>
    <xdr:to>
      <xdr:col>24</xdr:col>
      <xdr:colOff>152400</xdr:colOff>
      <xdr:row>35</xdr:row>
      <xdr:rowOff>114508</xdr:rowOff>
    </xdr:to>
    <xdr:cxnSp macro="">
      <xdr:nvCxnSpPr>
        <xdr:cNvPr id="56" name="直線コネクタ 55"/>
        <xdr:cNvCxnSpPr/>
      </xdr:nvCxnSpPr>
      <xdr:spPr>
        <a:xfrm>
          <a:off x="4546600" y="6115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83840</xdr:rowOff>
    </xdr:from>
    <xdr:ext cx="599010" cy="259045"/>
    <xdr:sp macro="" textlink="">
      <xdr:nvSpPr>
        <xdr:cNvPr id="57" name="人件費最大値テキスト"/>
        <xdr:cNvSpPr txBox="1"/>
      </xdr:nvSpPr>
      <xdr:spPr>
        <a:xfrm>
          <a:off x="4686300" y="50558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37163</xdr:rowOff>
    </xdr:from>
    <xdr:to>
      <xdr:col>24</xdr:col>
      <xdr:colOff>152400</xdr:colOff>
      <xdr:row>30</xdr:row>
      <xdr:rowOff>137163</xdr:rowOff>
    </xdr:to>
    <xdr:cxnSp macro="">
      <xdr:nvCxnSpPr>
        <xdr:cNvPr id="58" name="直線コネクタ 57"/>
        <xdr:cNvCxnSpPr/>
      </xdr:nvCxnSpPr>
      <xdr:spPr>
        <a:xfrm>
          <a:off x="4546600" y="5280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06850</xdr:rowOff>
    </xdr:from>
    <xdr:to>
      <xdr:col>24</xdr:col>
      <xdr:colOff>63500</xdr:colOff>
      <xdr:row>33</xdr:row>
      <xdr:rowOff>141300</xdr:rowOff>
    </xdr:to>
    <xdr:cxnSp macro="">
      <xdr:nvCxnSpPr>
        <xdr:cNvPr id="59" name="直線コネクタ 58"/>
        <xdr:cNvCxnSpPr/>
      </xdr:nvCxnSpPr>
      <xdr:spPr>
        <a:xfrm>
          <a:off x="3797300" y="5764700"/>
          <a:ext cx="838200" cy="34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54685</xdr:rowOff>
    </xdr:from>
    <xdr:ext cx="599010" cy="259045"/>
    <xdr:sp macro="" textlink="">
      <xdr:nvSpPr>
        <xdr:cNvPr id="60" name="人件費平均値テキスト"/>
        <xdr:cNvSpPr txBox="1"/>
      </xdr:nvSpPr>
      <xdr:spPr>
        <a:xfrm>
          <a:off x="4686300" y="546963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31808</xdr:rowOff>
    </xdr:from>
    <xdr:to>
      <xdr:col>24</xdr:col>
      <xdr:colOff>114300</xdr:colOff>
      <xdr:row>33</xdr:row>
      <xdr:rowOff>61958</xdr:rowOff>
    </xdr:to>
    <xdr:sp macro="" textlink="">
      <xdr:nvSpPr>
        <xdr:cNvPr id="61" name="フローチャート: 判断 60"/>
        <xdr:cNvSpPr/>
      </xdr:nvSpPr>
      <xdr:spPr>
        <a:xfrm>
          <a:off x="4584700" y="5618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06850</xdr:rowOff>
    </xdr:from>
    <xdr:to>
      <xdr:col>19</xdr:col>
      <xdr:colOff>177800</xdr:colOff>
      <xdr:row>38</xdr:row>
      <xdr:rowOff>93134</xdr:rowOff>
    </xdr:to>
    <xdr:cxnSp macro="">
      <xdr:nvCxnSpPr>
        <xdr:cNvPr id="62" name="直線コネクタ 61"/>
        <xdr:cNvCxnSpPr/>
      </xdr:nvCxnSpPr>
      <xdr:spPr>
        <a:xfrm flipV="1">
          <a:off x="2908300" y="5764700"/>
          <a:ext cx="889000" cy="843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2</xdr:row>
      <xdr:rowOff>129156</xdr:rowOff>
    </xdr:from>
    <xdr:to>
      <xdr:col>20</xdr:col>
      <xdr:colOff>38100</xdr:colOff>
      <xdr:row>33</xdr:row>
      <xdr:rowOff>59306</xdr:rowOff>
    </xdr:to>
    <xdr:sp macro="" textlink="">
      <xdr:nvSpPr>
        <xdr:cNvPr id="63" name="フローチャート: 判断 62"/>
        <xdr:cNvSpPr/>
      </xdr:nvSpPr>
      <xdr:spPr>
        <a:xfrm>
          <a:off x="3746500" y="5615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1</xdr:row>
      <xdr:rowOff>75833</xdr:rowOff>
    </xdr:from>
    <xdr:ext cx="599010" cy="259045"/>
    <xdr:sp macro="" textlink="">
      <xdr:nvSpPr>
        <xdr:cNvPr id="64" name="テキスト ボックス 63"/>
        <xdr:cNvSpPr txBox="1"/>
      </xdr:nvSpPr>
      <xdr:spPr>
        <a:xfrm>
          <a:off x="3497795" y="53907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65839</xdr:rowOff>
    </xdr:from>
    <xdr:to>
      <xdr:col>15</xdr:col>
      <xdr:colOff>50800</xdr:colOff>
      <xdr:row>38</xdr:row>
      <xdr:rowOff>93134</xdr:rowOff>
    </xdr:to>
    <xdr:cxnSp macro="">
      <xdr:nvCxnSpPr>
        <xdr:cNvPr id="65" name="直線コネクタ 64"/>
        <xdr:cNvCxnSpPr/>
      </xdr:nvCxnSpPr>
      <xdr:spPr>
        <a:xfrm>
          <a:off x="2019300" y="6580939"/>
          <a:ext cx="889000" cy="27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32848</xdr:rowOff>
    </xdr:from>
    <xdr:to>
      <xdr:col>15</xdr:col>
      <xdr:colOff>101600</xdr:colOff>
      <xdr:row>38</xdr:row>
      <xdr:rowOff>134448</xdr:rowOff>
    </xdr:to>
    <xdr:sp macro="" textlink="">
      <xdr:nvSpPr>
        <xdr:cNvPr id="66" name="フローチャート: 判断 65"/>
        <xdr:cNvSpPr/>
      </xdr:nvSpPr>
      <xdr:spPr>
        <a:xfrm>
          <a:off x="2857500" y="6547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50974</xdr:rowOff>
    </xdr:from>
    <xdr:ext cx="534377" cy="259045"/>
    <xdr:sp macro="" textlink="">
      <xdr:nvSpPr>
        <xdr:cNvPr id="67" name="テキスト ボックス 66"/>
        <xdr:cNvSpPr txBox="1"/>
      </xdr:nvSpPr>
      <xdr:spPr>
        <a:xfrm>
          <a:off x="2641111" y="6323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65839</xdr:rowOff>
    </xdr:from>
    <xdr:to>
      <xdr:col>10</xdr:col>
      <xdr:colOff>114300</xdr:colOff>
      <xdr:row>38</xdr:row>
      <xdr:rowOff>78504</xdr:rowOff>
    </xdr:to>
    <xdr:cxnSp macro="">
      <xdr:nvCxnSpPr>
        <xdr:cNvPr id="68" name="直線コネクタ 67"/>
        <xdr:cNvCxnSpPr/>
      </xdr:nvCxnSpPr>
      <xdr:spPr>
        <a:xfrm flipV="1">
          <a:off x="1130300" y="6580939"/>
          <a:ext cx="889000" cy="12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4560</xdr:rowOff>
    </xdr:from>
    <xdr:to>
      <xdr:col>10</xdr:col>
      <xdr:colOff>165100</xdr:colOff>
      <xdr:row>38</xdr:row>
      <xdr:rowOff>116160</xdr:rowOff>
    </xdr:to>
    <xdr:sp macro="" textlink="">
      <xdr:nvSpPr>
        <xdr:cNvPr id="69" name="フローチャート: 判断 68"/>
        <xdr:cNvSpPr/>
      </xdr:nvSpPr>
      <xdr:spPr>
        <a:xfrm>
          <a:off x="1968500" y="6529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32686</xdr:rowOff>
    </xdr:from>
    <xdr:ext cx="534377" cy="259045"/>
    <xdr:sp macro="" textlink="">
      <xdr:nvSpPr>
        <xdr:cNvPr id="70" name="テキスト ボックス 69"/>
        <xdr:cNvSpPr txBox="1"/>
      </xdr:nvSpPr>
      <xdr:spPr>
        <a:xfrm>
          <a:off x="1752111" y="6304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17874</xdr:rowOff>
    </xdr:from>
    <xdr:to>
      <xdr:col>6</xdr:col>
      <xdr:colOff>38100</xdr:colOff>
      <xdr:row>38</xdr:row>
      <xdr:rowOff>119474</xdr:rowOff>
    </xdr:to>
    <xdr:sp macro="" textlink="">
      <xdr:nvSpPr>
        <xdr:cNvPr id="71" name="フローチャート: 判断 70"/>
        <xdr:cNvSpPr/>
      </xdr:nvSpPr>
      <xdr:spPr>
        <a:xfrm>
          <a:off x="1079500" y="6532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6001</xdr:rowOff>
    </xdr:from>
    <xdr:ext cx="534377" cy="259045"/>
    <xdr:sp macro="" textlink="">
      <xdr:nvSpPr>
        <xdr:cNvPr id="72" name="テキスト ボックス 71"/>
        <xdr:cNvSpPr txBox="1"/>
      </xdr:nvSpPr>
      <xdr:spPr>
        <a:xfrm>
          <a:off x="863111" y="6308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90500</xdr:rowOff>
    </xdr:from>
    <xdr:to>
      <xdr:col>24</xdr:col>
      <xdr:colOff>114300</xdr:colOff>
      <xdr:row>34</xdr:row>
      <xdr:rowOff>20650</xdr:rowOff>
    </xdr:to>
    <xdr:sp macro="" textlink="">
      <xdr:nvSpPr>
        <xdr:cNvPr id="78" name="楕円 77"/>
        <xdr:cNvSpPr/>
      </xdr:nvSpPr>
      <xdr:spPr>
        <a:xfrm>
          <a:off x="4584700" y="5748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68927</xdr:rowOff>
    </xdr:from>
    <xdr:ext cx="534377" cy="259045"/>
    <xdr:sp macro="" textlink="">
      <xdr:nvSpPr>
        <xdr:cNvPr id="79" name="人件費該当値テキスト"/>
        <xdr:cNvSpPr txBox="1"/>
      </xdr:nvSpPr>
      <xdr:spPr>
        <a:xfrm>
          <a:off x="4686300" y="5726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56050</xdr:rowOff>
    </xdr:from>
    <xdr:to>
      <xdr:col>20</xdr:col>
      <xdr:colOff>38100</xdr:colOff>
      <xdr:row>33</xdr:row>
      <xdr:rowOff>157650</xdr:rowOff>
    </xdr:to>
    <xdr:sp macro="" textlink="">
      <xdr:nvSpPr>
        <xdr:cNvPr id="80" name="楕円 79"/>
        <xdr:cNvSpPr/>
      </xdr:nvSpPr>
      <xdr:spPr>
        <a:xfrm>
          <a:off x="3746500" y="571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48777</xdr:rowOff>
    </xdr:from>
    <xdr:ext cx="534377" cy="259045"/>
    <xdr:sp macro="" textlink="">
      <xdr:nvSpPr>
        <xdr:cNvPr id="81" name="テキスト ボックス 80"/>
        <xdr:cNvSpPr txBox="1"/>
      </xdr:nvSpPr>
      <xdr:spPr>
        <a:xfrm>
          <a:off x="3530111" y="5806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42334</xdr:rowOff>
    </xdr:from>
    <xdr:to>
      <xdr:col>15</xdr:col>
      <xdr:colOff>101600</xdr:colOff>
      <xdr:row>38</xdr:row>
      <xdr:rowOff>143934</xdr:rowOff>
    </xdr:to>
    <xdr:sp macro="" textlink="">
      <xdr:nvSpPr>
        <xdr:cNvPr id="82" name="楕円 81"/>
        <xdr:cNvSpPr/>
      </xdr:nvSpPr>
      <xdr:spPr>
        <a:xfrm>
          <a:off x="2857500" y="6557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135061</xdr:rowOff>
    </xdr:from>
    <xdr:ext cx="534377" cy="259045"/>
    <xdr:sp macro="" textlink="">
      <xdr:nvSpPr>
        <xdr:cNvPr id="83" name="テキスト ボックス 82"/>
        <xdr:cNvSpPr txBox="1"/>
      </xdr:nvSpPr>
      <xdr:spPr>
        <a:xfrm>
          <a:off x="2641111" y="6650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15039</xdr:rowOff>
    </xdr:from>
    <xdr:to>
      <xdr:col>10</xdr:col>
      <xdr:colOff>165100</xdr:colOff>
      <xdr:row>38</xdr:row>
      <xdr:rowOff>116639</xdr:rowOff>
    </xdr:to>
    <xdr:sp macro="" textlink="">
      <xdr:nvSpPr>
        <xdr:cNvPr id="84" name="楕円 83"/>
        <xdr:cNvSpPr/>
      </xdr:nvSpPr>
      <xdr:spPr>
        <a:xfrm>
          <a:off x="1968500" y="6530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107766</xdr:rowOff>
    </xdr:from>
    <xdr:ext cx="534377" cy="259045"/>
    <xdr:sp macro="" textlink="">
      <xdr:nvSpPr>
        <xdr:cNvPr id="85" name="テキスト ボックス 84"/>
        <xdr:cNvSpPr txBox="1"/>
      </xdr:nvSpPr>
      <xdr:spPr>
        <a:xfrm>
          <a:off x="1752111" y="6622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27704</xdr:rowOff>
    </xdr:from>
    <xdr:to>
      <xdr:col>6</xdr:col>
      <xdr:colOff>38100</xdr:colOff>
      <xdr:row>38</xdr:row>
      <xdr:rowOff>129304</xdr:rowOff>
    </xdr:to>
    <xdr:sp macro="" textlink="">
      <xdr:nvSpPr>
        <xdr:cNvPr id="86" name="楕円 85"/>
        <xdr:cNvSpPr/>
      </xdr:nvSpPr>
      <xdr:spPr>
        <a:xfrm>
          <a:off x="1079500" y="6542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120431</xdr:rowOff>
    </xdr:from>
    <xdr:ext cx="534377" cy="259045"/>
    <xdr:sp macro="" textlink="">
      <xdr:nvSpPr>
        <xdr:cNvPr id="87" name="テキスト ボックス 86"/>
        <xdr:cNvSpPr txBox="1"/>
      </xdr:nvSpPr>
      <xdr:spPr>
        <a:xfrm>
          <a:off x="863111" y="6635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99" name="直線コネクタ 98"/>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0" name="テキスト ボックス 99"/>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1" name="直線コネクタ 100"/>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2" name="テキスト ボックス 101"/>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3" name="直線コネクタ 102"/>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4" name="テキスト ボックス 103"/>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5" name="直線コネクタ 104"/>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06" name="テキスト ボックス 105"/>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7" name="直線コネクタ 106"/>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08" name="テキスト ボックス 107"/>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9"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34224</xdr:rowOff>
    </xdr:from>
    <xdr:to>
      <xdr:col>24</xdr:col>
      <xdr:colOff>62865</xdr:colOff>
      <xdr:row>56</xdr:row>
      <xdr:rowOff>153462</xdr:rowOff>
    </xdr:to>
    <xdr:cxnSp macro="">
      <xdr:nvCxnSpPr>
        <xdr:cNvPr id="110" name="直線コネクタ 109"/>
        <xdr:cNvCxnSpPr/>
      </xdr:nvCxnSpPr>
      <xdr:spPr>
        <a:xfrm flipV="1">
          <a:off x="4633595" y="8778174"/>
          <a:ext cx="1270" cy="9764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57289</xdr:rowOff>
    </xdr:from>
    <xdr:ext cx="534377" cy="259045"/>
    <xdr:sp macro="" textlink="">
      <xdr:nvSpPr>
        <xdr:cNvPr id="111" name="物件費最小値テキスト"/>
        <xdr:cNvSpPr txBox="1"/>
      </xdr:nvSpPr>
      <xdr:spPr>
        <a:xfrm>
          <a:off x="4686300" y="975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3462</xdr:rowOff>
    </xdr:from>
    <xdr:to>
      <xdr:col>24</xdr:col>
      <xdr:colOff>152400</xdr:colOff>
      <xdr:row>56</xdr:row>
      <xdr:rowOff>153462</xdr:rowOff>
    </xdr:to>
    <xdr:cxnSp macro="">
      <xdr:nvCxnSpPr>
        <xdr:cNvPr id="112" name="直線コネクタ 111"/>
        <xdr:cNvCxnSpPr/>
      </xdr:nvCxnSpPr>
      <xdr:spPr>
        <a:xfrm>
          <a:off x="4546600" y="9754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2351</xdr:rowOff>
    </xdr:from>
    <xdr:ext cx="534377" cy="259045"/>
    <xdr:sp macro="" textlink="">
      <xdr:nvSpPr>
        <xdr:cNvPr id="113" name="物件費最大値テキスト"/>
        <xdr:cNvSpPr txBox="1"/>
      </xdr:nvSpPr>
      <xdr:spPr>
        <a:xfrm>
          <a:off x="4686300" y="8553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34224</xdr:rowOff>
    </xdr:from>
    <xdr:to>
      <xdr:col>24</xdr:col>
      <xdr:colOff>152400</xdr:colOff>
      <xdr:row>51</xdr:row>
      <xdr:rowOff>34224</xdr:rowOff>
    </xdr:to>
    <xdr:cxnSp macro="">
      <xdr:nvCxnSpPr>
        <xdr:cNvPr id="114" name="直線コネクタ 113"/>
        <xdr:cNvCxnSpPr/>
      </xdr:nvCxnSpPr>
      <xdr:spPr>
        <a:xfrm>
          <a:off x="4546600" y="8778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76835</xdr:rowOff>
    </xdr:from>
    <xdr:to>
      <xdr:col>24</xdr:col>
      <xdr:colOff>63500</xdr:colOff>
      <xdr:row>54</xdr:row>
      <xdr:rowOff>147289</xdr:rowOff>
    </xdr:to>
    <xdr:cxnSp macro="">
      <xdr:nvCxnSpPr>
        <xdr:cNvPr id="115" name="直線コネクタ 114"/>
        <xdr:cNvCxnSpPr/>
      </xdr:nvCxnSpPr>
      <xdr:spPr>
        <a:xfrm flipV="1">
          <a:off x="3797300" y="9335135"/>
          <a:ext cx="838200" cy="70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4302</xdr:rowOff>
    </xdr:from>
    <xdr:ext cx="534377" cy="259045"/>
    <xdr:sp macro="" textlink="">
      <xdr:nvSpPr>
        <xdr:cNvPr id="116" name="物件費平均値テキスト"/>
        <xdr:cNvSpPr txBox="1"/>
      </xdr:nvSpPr>
      <xdr:spPr>
        <a:xfrm>
          <a:off x="4686300" y="91011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62875</xdr:rowOff>
    </xdr:from>
    <xdr:to>
      <xdr:col>24</xdr:col>
      <xdr:colOff>114300</xdr:colOff>
      <xdr:row>54</xdr:row>
      <xdr:rowOff>93025</xdr:rowOff>
    </xdr:to>
    <xdr:sp macro="" textlink="">
      <xdr:nvSpPr>
        <xdr:cNvPr id="117" name="フローチャート: 判断 116"/>
        <xdr:cNvSpPr/>
      </xdr:nvSpPr>
      <xdr:spPr>
        <a:xfrm>
          <a:off x="4584700" y="9249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47289</xdr:rowOff>
    </xdr:from>
    <xdr:to>
      <xdr:col>19</xdr:col>
      <xdr:colOff>177800</xdr:colOff>
      <xdr:row>55</xdr:row>
      <xdr:rowOff>47163</xdr:rowOff>
    </xdr:to>
    <xdr:cxnSp macro="">
      <xdr:nvCxnSpPr>
        <xdr:cNvPr id="118" name="直線コネクタ 117"/>
        <xdr:cNvCxnSpPr/>
      </xdr:nvCxnSpPr>
      <xdr:spPr>
        <a:xfrm flipV="1">
          <a:off x="2908300" y="9405589"/>
          <a:ext cx="889000" cy="71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3</xdr:row>
      <xdr:rowOff>135260</xdr:rowOff>
    </xdr:from>
    <xdr:to>
      <xdr:col>20</xdr:col>
      <xdr:colOff>38100</xdr:colOff>
      <xdr:row>54</xdr:row>
      <xdr:rowOff>65410</xdr:rowOff>
    </xdr:to>
    <xdr:sp macro="" textlink="">
      <xdr:nvSpPr>
        <xdr:cNvPr id="119" name="フローチャート: 判断 118"/>
        <xdr:cNvSpPr/>
      </xdr:nvSpPr>
      <xdr:spPr>
        <a:xfrm>
          <a:off x="3746500" y="922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81937</xdr:rowOff>
    </xdr:from>
    <xdr:ext cx="534377" cy="259045"/>
    <xdr:sp macro="" textlink="">
      <xdr:nvSpPr>
        <xdr:cNvPr id="120" name="テキスト ボックス 119"/>
        <xdr:cNvSpPr txBox="1"/>
      </xdr:nvSpPr>
      <xdr:spPr>
        <a:xfrm>
          <a:off x="3530111" y="8997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47163</xdr:rowOff>
    </xdr:from>
    <xdr:to>
      <xdr:col>15</xdr:col>
      <xdr:colOff>50800</xdr:colOff>
      <xdr:row>55</xdr:row>
      <xdr:rowOff>68651</xdr:rowOff>
    </xdr:to>
    <xdr:cxnSp macro="">
      <xdr:nvCxnSpPr>
        <xdr:cNvPr id="121" name="直線コネクタ 120"/>
        <xdr:cNvCxnSpPr/>
      </xdr:nvCxnSpPr>
      <xdr:spPr>
        <a:xfrm flipV="1">
          <a:off x="2019300" y="9476913"/>
          <a:ext cx="889000" cy="21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3</xdr:row>
      <xdr:rowOff>148016</xdr:rowOff>
    </xdr:from>
    <xdr:to>
      <xdr:col>15</xdr:col>
      <xdr:colOff>101600</xdr:colOff>
      <xdr:row>54</xdr:row>
      <xdr:rowOff>78166</xdr:rowOff>
    </xdr:to>
    <xdr:sp macro="" textlink="">
      <xdr:nvSpPr>
        <xdr:cNvPr id="122" name="フローチャート: 判断 121"/>
        <xdr:cNvSpPr/>
      </xdr:nvSpPr>
      <xdr:spPr>
        <a:xfrm>
          <a:off x="2857500" y="9234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2</xdr:row>
      <xdr:rowOff>94693</xdr:rowOff>
    </xdr:from>
    <xdr:ext cx="534377" cy="259045"/>
    <xdr:sp macro="" textlink="">
      <xdr:nvSpPr>
        <xdr:cNvPr id="123" name="テキスト ボックス 122"/>
        <xdr:cNvSpPr txBox="1"/>
      </xdr:nvSpPr>
      <xdr:spPr>
        <a:xfrm>
          <a:off x="2641111" y="9010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150444</xdr:rowOff>
    </xdr:from>
    <xdr:to>
      <xdr:col>10</xdr:col>
      <xdr:colOff>114300</xdr:colOff>
      <xdr:row>55</xdr:row>
      <xdr:rowOff>68651</xdr:rowOff>
    </xdr:to>
    <xdr:cxnSp macro="">
      <xdr:nvCxnSpPr>
        <xdr:cNvPr id="124" name="直線コネクタ 123"/>
        <xdr:cNvCxnSpPr/>
      </xdr:nvCxnSpPr>
      <xdr:spPr>
        <a:xfrm>
          <a:off x="1130300" y="9408744"/>
          <a:ext cx="889000" cy="89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4</xdr:row>
      <xdr:rowOff>52004</xdr:rowOff>
    </xdr:from>
    <xdr:to>
      <xdr:col>10</xdr:col>
      <xdr:colOff>165100</xdr:colOff>
      <xdr:row>54</xdr:row>
      <xdr:rowOff>153604</xdr:rowOff>
    </xdr:to>
    <xdr:sp macro="" textlink="">
      <xdr:nvSpPr>
        <xdr:cNvPr id="125" name="フローチャート: 判断 124"/>
        <xdr:cNvSpPr/>
      </xdr:nvSpPr>
      <xdr:spPr>
        <a:xfrm>
          <a:off x="1968500" y="9310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2</xdr:row>
      <xdr:rowOff>170131</xdr:rowOff>
    </xdr:from>
    <xdr:ext cx="534377" cy="259045"/>
    <xdr:sp macro="" textlink="">
      <xdr:nvSpPr>
        <xdr:cNvPr id="126" name="テキスト ボックス 125"/>
        <xdr:cNvSpPr txBox="1"/>
      </xdr:nvSpPr>
      <xdr:spPr>
        <a:xfrm>
          <a:off x="1752111" y="9085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75275</xdr:rowOff>
    </xdr:from>
    <xdr:to>
      <xdr:col>6</xdr:col>
      <xdr:colOff>38100</xdr:colOff>
      <xdr:row>55</xdr:row>
      <xdr:rowOff>5425</xdr:rowOff>
    </xdr:to>
    <xdr:sp macro="" textlink="">
      <xdr:nvSpPr>
        <xdr:cNvPr id="127" name="フローチャート: 判断 126"/>
        <xdr:cNvSpPr/>
      </xdr:nvSpPr>
      <xdr:spPr>
        <a:xfrm>
          <a:off x="1079500" y="9333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21952</xdr:rowOff>
    </xdr:from>
    <xdr:ext cx="534377" cy="259045"/>
    <xdr:sp macro="" textlink="">
      <xdr:nvSpPr>
        <xdr:cNvPr id="128" name="テキスト ボックス 127"/>
        <xdr:cNvSpPr txBox="1"/>
      </xdr:nvSpPr>
      <xdr:spPr>
        <a:xfrm>
          <a:off x="863111" y="9108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9" name="テキスト ボックス 128"/>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0" name="テキスト ボックス 129"/>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1" name="テキスト ボックス 130"/>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2" name="テキスト ボックス 131"/>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3" name="テキスト ボックス 132"/>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26035</xdr:rowOff>
    </xdr:from>
    <xdr:to>
      <xdr:col>24</xdr:col>
      <xdr:colOff>114300</xdr:colOff>
      <xdr:row>54</xdr:row>
      <xdr:rowOff>127635</xdr:rowOff>
    </xdr:to>
    <xdr:sp macro="" textlink="">
      <xdr:nvSpPr>
        <xdr:cNvPr id="134" name="楕円 133"/>
        <xdr:cNvSpPr/>
      </xdr:nvSpPr>
      <xdr:spPr>
        <a:xfrm>
          <a:off x="4584700" y="9284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4462</xdr:rowOff>
    </xdr:from>
    <xdr:ext cx="534377" cy="259045"/>
    <xdr:sp macro="" textlink="">
      <xdr:nvSpPr>
        <xdr:cNvPr id="135" name="物件費該当値テキスト"/>
        <xdr:cNvSpPr txBox="1"/>
      </xdr:nvSpPr>
      <xdr:spPr>
        <a:xfrm>
          <a:off x="4686300" y="926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96489</xdr:rowOff>
    </xdr:from>
    <xdr:to>
      <xdr:col>20</xdr:col>
      <xdr:colOff>38100</xdr:colOff>
      <xdr:row>55</xdr:row>
      <xdr:rowOff>26639</xdr:rowOff>
    </xdr:to>
    <xdr:sp macro="" textlink="">
      <xdr:nvSpPr>
        <xdr:cNvPr id="136" name="楕円 135"/>
        <xdr:cNvSpPr/>
      </xdr:nvSpPr>
      <xdr:spPr>
        <a:xfrm>
          <a:off x="3746500" y="9354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7766</xdr:rowOff>
    </xdr:from>
    <xdr:ext cx="534377" cy="259045"/>
    <xdr:sp macro="" textlink="">
      <xdr:nvSpPr>
        <xdr:cNvPr id="137" name="テキスト ボックス 136"/>
        <xdr:cNvSpPr txBox="1"/>
      </xdr:nvSpPr>
      <xdr:spPr>
        <a:xfrm>
          <a:off x="3530111" y="9447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67813</xdr:rowOff>
    </xdr:from>
    <xdr:to>
      <xdr:col>15</xdr:col>
      <xdr:colOff>101600</xdr:colOff>
      <xdr:row>55</xdr:row>
      <xdr:rowOff>97963</xdr:rowOff>
    </xdr:to>
    <xdr:sp macro="" textlink="">
      <xdr:nvSpPr>
        <xdr:cNvPr id="138" name="楕円 137"/>
        <xdr:cNvSpPr/>
      </xdr:nvSpPr>
      <xdr:spPr>
        <a:xfrm>
          <a:off x="2857500" y="9426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89090</xdr:rowOff>
    </xdr:from>
    <xdr:ext cx="534377" cy="259045"/>
    <xdr:sp macro="" textlink="">
      <xdr:nvSpPr>
        <xdr:cNvPr id="139" name="テキスト ボックス 138"/>
        <xdr:cNvSpPr txBox="1"/>
      </xdr:nvSpPr>
      <xdr:spPr>
        <a:xfrm>
          <a:off x="2641111" y="9518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17851</xdr:rowOff>
    </xdr:from>
    <xdr:to>
      <xdr:col>10</xdr:col>
      <xdr:colOff>165100</xdr:colOff>
      <xdr:row>55</xdr:row>
      <xdr:rowOff>119451</xdr:rowOff>
    </xdr:to>
    <xdr:sp macro="" textlink="">
      <xdr:nvSpPr>
        <xdr:cNvPr id="140" name="楕円 139"/>
        <xdr:cNvSpPr/>
      </xdr:nvSpPr>
      <xdr:spPr>
        <a:xfrm>
          <a:off x="1968500" y="9447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10578</xdr:rowOff>
    </xdr:from>
    <xdr:ext cx="534377" cy="259045"/>
    <xdr:sp macro="" textlink="">
      <xdr:nvSpPr>
        <xdr:cNvPr id="141" name="テキスト ボックス 140"/>
        <xdr:cNvSpPr txBox="1"/>
      </xdr:nvSpPr>
      <xdr:spPr>
        <a:xfrm>
          <a:off x="1752111" y="9540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99644</xdr:rowOff>
    </xdr:from>
    <xdr:to>
      <xdr:col>6</xdr:col>
      <xdr:colOff>38100</xdr:colOff>
      <xdr:row>55</xdr:row>
      <xdr:rowOff>29794</xdr:rowOff>
    </xdr:to>
    <xdr:sp macro="" textlink="">
      <xdr:nvSpPr>
        <xdr:cNvPr id="142" name="楕円 141"/>
        <xdr:cNvSpPr/>
      </xdr:nvSpPr>
      <xdr:spPr>
        <a:xfrm>
          <a:off x="1079500" y="9357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20921</xdr:rowOff>
    </xdr:from>
    <xdr:ext cx="534377" cy="259045"/>
    <xdr:sp macro="" textlink="">
      <xdr:nvSpPr>
        <xdr:cNvPr id="143" name="テキスト ボックス 142"/>
        <xdr:cNvSpPr txBox="1"/>
      </xdr:nvSpPr>
      <xdr:spPr>
        <a:xfrm>
          <a:off x="863111" y="9450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4" name="正方形/長方形 143"/>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5" name="正方形/長方形 144"/>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6" name="正方形/長方形 145"/>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7" name="正方形/長方形 146"/>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8" name="正方形/長方形 147"/>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9" name="正方形/長方形 148"/>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0" name="正方形/長方形 149"/>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1" name="正方形/長方形 150"/>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2" name="テキスト ボックス 151"/>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3" name="直線コネクタ 152"/>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4" name="テキスト ボックス 153"/>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5" name="直線コネクタ 154"/>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8</xdr:row>
      <xdr:rowOff>128106</xdr:rowOff>
    </xdr:from>
    <xdr:ext cx="467179" cy="259045"/>
    <xdr:sp macro="" textlink="">
      <xdr:nvSpPr>
        <xdr:cNvPr id="156" name="テキスト ボックス 155"/>
        <xdr:cNvSpPr txBox="1"/>
      </xdr:nvSpPr>
      <xdr:spPr>
        <a:xfrm>
          <a:off x="294821" y="1350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7" name="直線コネクタ 156"/>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58" name="テキスト ボックス 157"/>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59" name="直線コネクタ 158"/>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0" name="テキスト ボックス 159"/>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1" name="直線コネクタ 160"/>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2" name="テキスト ボックス 161"/>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3" name="直線コネクタ 162"/>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4" name="テキスト ボックス 163"/>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5" name="直線コネクタ 164"/>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66" name="テキスト ボックス 165"/>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8" name="テキスト ボックス 167"/>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906</xdr:rowOff>
    </xdr:from>
    <xdr:to>
      <xdr:col>24</xdr:col>
      <xdr:colOff>62865</xdr:colOff>
      <xdr:row>79</xdr:row>
      <xdr:rowOff>125330</xdr:rowOff>
    </xdr:to>
    <xdr:cxnSp macro="">
      <xdr:nvCxnSpPr>
        <xdr:cNvPr id="170" name="直線コネクタ 169"/>
        <xdr:cNvCxnSpPr/>
      </xdr:nvCxnSpPr>
      <xdr:spPr>
        <a:xfrm flipV="1">
          <a:off x="4633595" y="12216856"/>
          <a:ext cx="1270" cy="1453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29157</xdr:rowOff>
    </xdr:from>
    <xdr:ext cx="469744" cy="259045"/>
    <xdr:sp macro="" textlink="">
      <xdr:nvSpPr>
        <xdr:cNvPr id="171" name="維持補修費最小値テキスト"/>
        <xdr:cNvSpPr txBox="1"/>
      </xdr:nvSpPr>
      <xdr:spPr>
        <a:xfrm>
          <a:off x="4686300" y="1367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25330</xdr:rowOff>
    </xdr:from>
    <xdr:to>
      <xdr:col>24</xdr:col>
      <xdr:colOff>152400</xdr:colOff>
      <xdr:row>79</xdr:row>
      <xdr:rowOff>125330</xdr:rowOff>
    </xdr:to>
    <xdr:cxnSp macro="">
      <xdr:nvCxnSpPr>
        <xdr:cNvPr id="172" name="直線コネクタ 171"/>
        <xdr:cNvCxnSpPr/>
      </xdr:nvCxnSpPr>
      <xdr:spPr>
        <a:xfrm>
          <a:off x="4546600" y="13669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2033</xdr:rowOff>
    </xdr:from>
    <xdr:ext cx="534377" cy="259045"/>
    <xdr:sp macro="" textlink="">
      <xdr:nvSpPr>
        <xdr:cNvPr id="173" name="維持補修費最大値テキスト"/>
        <xdr:cNvSpPr txBox="1"/>
      </xdr:nvSpPr>
      <xdr:spPr>
        <a:xfrm>
          <a:off x="4686300" y="1199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43906</xdr:rowOff>
    </xdr:from>
    <xdr:to>
      <xdr:col>24</xdr:col>
      <xdr:colOff>152400</xdr:colOff>
      <xdr:row>71</xdr:row>
      <xdr:rowOff>43906</xdr:rowOff>
    </xdr:to>
    <xdr:cxnSp macro="">
      <xdr:nvCxnSpPr>
        <xdr:cNvPr id="174" name="直線コネクタ 173"/>
        <xdr:cNvCxnSpPr/>
      </xdr:nvCxnSpPr>
      <xdr:spPr>
        <a:xfrm>
          <a:off x="4546600" y="12216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08131</xdr:rowOff>
    </xdr:from>
    <xdr:to>
      <xdr:col>24</xdr:col>
      <xdr:colOff>63500</xdr:colOff>
      <xdr:row>78</xdr:row>
      <xdr:rowOff>148299</xdr:rowOff>
    </xdr:to>
    <xdr:cxnSp macro="">
      <xdr:nvCxnSpPr>
        <xdr:cNvPr id="175" name="直線コネクタ 174"/>
        <xdr:cNvCxnSpPr/>
      </xdr:nvCxnSpPr>
      <xdr:spPr>
        <a:xfrm flipV="1">
          <a:off x="3797300" y="13481231"/>
          <a:ext cx="838200" cy="40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40733</xdr:rowOff>
    </xdr:from>
    <xdr:ext cx="469744" cy="259045"/>
    <xdr:sp macro="" textlink="">
      <xdr:nvSpPr>
        <xdr:cNvPr id="176" name="維持補修費平均値テキスト"/>
        <xdr:cNvSpPr txBox="1"/>
      </xdr:nvSpPr>
      <xdr:spPr>
        <a:xfrm>
          <a:off x="4686300" y="129994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7856</xdr:rowOff>
    </xdr:from>
    <xdr:to>
      <xdr:col>24</xdr:col>
      <xdr:colOff>114300</xdr:colOff>
      <xdr:row>77</xdr:row>
      <xdr:rowOff>48006</xdr:rowOff>
    </xdr:to>
    <xdr:sp macro="" textlink="">
      <xdr:nvSpPr>
        <xdr:cNvPr id="177" name="フローチャート: 判断 176"/>
        <xdr:cNvSpPr/>
      </xdr:nvSpPr>
      <xdr:spPr>
        <a:xfrm>
          <a:off x="4584700" y="1314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48299</xdr:rowOff>
    </xdr:from>
    <xdr:to>
      <xdr:col>19</xdr:col>
      <xdr:colOff>177800</xdr:colOff>
      <xdr:row>79</xdr:row>
      <xdr:rowOff>8637</xdr:rowOff>
    </xdr:to>
    <xdr:cxnSp macro="">
      <xdr:nvCxnSpPr>
        <xdr:cNvPr id="178" name="直線コネクタ 177"/>
        <xdr:cNvCxnSpPr/>
      </xdr:nvCxnSpPr>
      <xdr:spPr>
        <a:xfrm flipV="1">
          <a:off x="2908300" y="13521399"/>
          <a:ext cx="889000" cy="31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58242</xdr:rowOff>
    </xdr:from>
    <xdr:to>
      <xdr:col>20</xdr:col>
      <xdr:colOff>38100</xdr:colOff>
      <xdr:row>77</xdr:row>
      <xdr:rowOff>88392</xdr:rowOff>
    </xdr:to>
    <xdr:sp macro="" textlink="">
      <xdr:nvSpPr>
        <xdr:cNvPr id="179" name="フローチャート: 判断 178"/>
        <xdr:cNvSpPr/>
      </xdr:nvSpPr>
      <xdr:spPr>
        <a:xfrm>
          <a:off x="3746500" y="13188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04919</xdr:rowOff>
    </xdr:from>
    <xdr:ext cx="469744" cy="259045"/>
    <xdr:sp macro="" textlink="">
      <xdr:nvSpPr>
        <xdr:cNvPr id="180" name="テキスト ボックス 179"/>
        <xdr:cNvSpPr txBox="1"/>
      </xdr:nvSpPr>
      <xdr:spPr>
        <a:xfrm>
          <a:off x="3562428" y="12963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57770</xdr:rowOff>
    </xdr:from>
    <xdr:to>
      <xdr:col>15</xdr:col>
      <xdr:colOff>50800</xdr:colOff>
      <xdr:row>79</xdr:row>
      <xdr:rowOff>8637</xdr:rowOff>
    </xdr:to>
    <xdr:cxnSp macro="">
      <xdr:nvCxnSpPr>
        <xdr:cNvPr id="181" name="直線コネクタ 180"/>
        <xdr:cNvCxnSpPr/>
      </xdr:nvCxnSpPr>
      <xdr:spPr>
        <a:xfrm>
          <a:off x="2019300" y="13530870"/>
          <a:ext cx="889000" cy="22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619</xdr:rowOff>
    </xdr:from>
    <xdr:to>
      <xdr:col>15</xdr:col>
      <xdr:colOff>101600</xdr:colOff>
      <xdr:row>77</xdr:row>
      <xdr:rowOff>118219</xdr:rowOff>
    </xdr:to>
    <xdr:sp macro="" textlink="">
      <xdr:nvSpPr>
        <xdr:cNvPr id="182" name="フローチャート: 判断 181"/>
        <xdr:cNvSpPr/>
      </xdr:nvSpPr>
      <xdr:spPr>
        <a:xfrm>
          <a:off x="2857500" y="1321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34746</xdr:rowOff>
    </xdr:from>
    <xdr:ext cx="469744" cy="259045"/>
    <xdr:sp macro="" textlink="">
      <xdr:nvSpPr>
        <xdr:cNvPr id="183" name="テキスト ボックス 182"/>
        <xdr:cNvSpPr txBox="1"/>
      </xdr:nvSpPr>
      <xdr:spPr>
        <a:xfrm>
          <a:off x="2673428" y="1299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51892</xdr:rowOff>
    </xdr:from>
    <xdr:to>
      <xdr:col>10</xdr:col>
      <xdr:colOff>114300</xdr:colOff>
      <xdr:row>78</xdr:row>
      <xdr:rowOff>157770</xdr:rowOff>
    </xdr:to>
    <xdr:cxnSp macro="">
      <xdr:nvCxnSpPr>
        <xdr:cNvPr id="184" name="直線コネクタ 183"/>
        <xdr:cNvCxnSpPr/>
      </xdr:nvCxnSpPr>
      <xdr:spPr>
        <a:xfrm>
          <a:off x="1130300" y="13524992"/>
          <a:ext cx="889000" cy="5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2403</xdr:rowOff>
    </xdr:from>
    <xdr:to>
      <xdr:col>10</xdr:col>
      <xdr:colOff>165100</xdr:colOff>
      <xdr:row>77</xdr:row>
      <xdr:rowOff>134003</xdr:rowOff>
    </xdr:to>
    <xdr:sp macro="" textlink="">
      <xdr:nvSpPr>
        <xdr:cNvPr id="185" name="フローチャート: 判断 184"/>
        <xdr:cNvSpPr/>
      </xdr:nvSpPr>
      <xdr:spPr>
        <a:xfrm>
          <a:off x="1968500" y="13234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50530</xdr:rowOff>
    </xdr:from>
    <xdr:ext cx="469744" cy="259045"/>
    <xdr:sp macro="" textlink="">
      <xdr:nvSpPr>
        <xdr:cNvPr id="186" name="テキスト ボックス 185"/>
        <xdr:cNvSpPr txBox="1"/>
      </xdr:nvSpPr>
      <xdr:spPr>
        <a:xfrm>
          <a:off x="1784428" y="13009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685</xdr:rowOff>
    </xdr:from>
    <xdr:to>
      <xdr:col>6</xdr:col>
      <xdr:colOff>38100</xdr:colOff>
      <xdr:row>77</xdr:row>
      <xdr:rowOff>104285</xdr:rowOff>
    </xdr:to>
    <xdr:sp macro="" textlink="">
      <xdr:nvSpPr>
        <xdr:cNvPr id="187" name="フローチャート: 判断 186"/>
        <xdr:cNvSpPr/>
      </xdr:nvSpPr>
      <xdr:spPr>
        <a:xfrm>
          <a:off x="1079500" y="13204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20812</xdr:rowOff>
    </xdr:from>
    <xdr:ext cx="469744" cy="259045"/>
    <xdr:sp macro="" textlink="">
      <xdr:nvSpPr>
        <xdr:cNvPr id="188" name="テキスト ボックス 187"/>
        <xdr:cNvSpPr txBox="1"/>
      </xdr:nvSpPr>
      <xdr:spPr>
        <a:xfrm>
          <a:off x="895428" y="12979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7331</xdr:rowOff>
    </xdr:from>
    <xdr:to>
      <xdr:col>24</xdr:col>
      <xdr:colOff>114300</xdr:colOff>
      <xdr:row>78</xdr:row>
      <xdr:rowOff>158931</xdr:rowOff>
    </xdr:to>
    <xdr:sp macro="" textlink="">
      <xdr:nvSpPr>
        <xdr:cNvPr id="194" name="楕円 193"/>
        <xdr:cNvSpPr/>
      </xdr:nvSpPr>
      <xdr:spPr>
        <a:xfrm>
          <a:off x="4584700" y="13430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35758</xdr:rowOff>
    </xdr:from>
    <xdr:ext cx="469744" cy="259045"/>
    <xdr:sp macro="" textlink="">
      <xdr:nvSpPr>
        <xdr:cNvPr id="195" name="維持補修費該当値テキスト"/>
        <xdr:cNvSpPr txBox="1"/>
      </xdr:nvSpPr>
      <xdr:spPr>
        <a:xfrm>
          <a:off x="4686300" y="13408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97499</xdr:rowOff>
    </xdr:from>
    <xdr:to>
      <xdr:col>20</xdr:col>
      <xdr:colOff>38100</xdr:colOff>
      <xdr:row>79</xdr:row>
      <xdr:rowOff>27649</xdr:rowOff>
    </xdr:to>
    <xdr:sp macro="" textlink="">
      <xdr:nvSpPr>
        <xdr:cNvPr id="196" name="楕円 195"/>
        <xdr:cNvSpPr/>
      </xdr:nvSpPr>
      <xdr:spPr>
        <a:xfrm>
          <a:off x="3746500" y="13470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18776</xdr:rowOff>
    </xdr:from>
    <xdr:ext cx="469744" cy="259045"/>
    <xdr:sp macro="" textlink="">
      <xdr:nvSpPr>
        <xdr:cNvPr id="197" name="テキスト ボックス 196"/>
        <xdr:cNvSpPr txBox="1"/>
      </xdr:nvSpPr>
      <xdr:spPr>
        <a:xfrm>
          <a:off x="3562428" y="135633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29287</xdr:rowOff>
    </xdr:from>
    <xdr:to>
      <xdr:col>15</xdr:col>
      <xdr:colOff>101600</xdr:colOff>
      <xdr:row>79</xdr:row>
      <xdr:rowOff>59437</xdr:rowOff>
    </xdr:to>
    <xdr:sp macro="" textlink="">
      <xdr:nvSpPr>
        <xdr:cNvPr id="198" name="楕円 197"/>
        <xdr:cNvSpPr/>
      </xdr:nvSpPr>
      <xdr:spPr>
        <a:xfrm>
          <a:off x="2857500" y="13502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50564</xdr:rowOff>
    </xdr:from>
    <xdr:ext cx="469744" cy="259045"/>
    <xdr:sp macro="" textlink="">
      <xdr:nvSpPr>
        <xdr:cNvPr id="199" name="テキスト ボックス 198"/>
        <xdr:cNvSpPr txBox="1"/>
      </xdr:nvSpPr>
      <xdr:spPr>
        <a:xfrm>
          <a:off x="2673428" y="13595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06970</xdr:rowOff>
    </xdr:from>
    <xdr:to>
      <xdr:col>10</xdr:col>
      <xdr:colOff>165100</xdr:colOff>
      <xdr:row>79</xdr:row>
      <xdr:rowOff>37120</xdr:rowOff>
    </xdr:to>
    <xdr:sp macro="" textlink="">
      <xdr:nvSpPr>
        <xdr:cNvPr id="200" name="楕円 199"/>
        <xdr:cNvSpPr/>
      </xdr:nvSpPr>
      <xdr:spPr>
        <a:xfrm>
          <a:off x="1968500" y="1348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28247</xdr:rowOff>
    </xdr:from>
    <xdr:ext cx="469744" cy="259045"/>
    <xdr:sp macro="" textlink="">
      <xdr:nvSpPr>
        <xdr:cNvPr id="201" name="テキスト ボックス 200"/>
        <xdr:cNvSpPr txBox="1"/>
      </xdr:nvSpPr>
      <xdr:spPr>
        <a:xfrm>
          <a:off x="1784428" y="13572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01092</xdr:rowOff>
    </xdr:from>
    <xdr:to>
      <xdr:col>6</xdr:col>
      <xdr:colOff>38100</xdr:colOff>
      <xdr:row>79</xdr:row>
      <xdr:rowOff>31242</xdr:rowOff>
    </xdr:to>
    <xdr:sp macro="" textlink="">
      <xdr:nvSpPr>
        <xdr:cNvPr id="202" name="楕円 201"/>
        <xdr:cNvSpPr/>
      </xdr:nvSpPr>
      <xdr:spPr>
        <a:xfrm>
          <a:off x="1079500" y="13474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22369</xdr:rowOff>
    </xdr:from>
    <xdr:ext cx="469744" cy="259045"/>
    <xdr:sp macro="" textlink="">
      <xdr:nvSpPr>
        <xdr:cNvPr id="203" name="テキスト ボックス 202"/>
        <xdr:cNvSpPr txBox="1"/>
      </xdr:nvSpPr>
      <xdr:spPr>
        <a:xfrm>
          <a:off x="895428" y="13566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4" name="テキスト ボックス 213"/>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5" name="直線コネクタ 214"/>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6" name="テキスト ボックス 215"/>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8" name="テキスト ボックス 217"/>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0" name="テキスト ボックス 219"/>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0715</xdr:rowOff>
    </xdr:from>
    <xdr:to>
      <xdr:col>24</xdr:col>
      <xdr:colOff>62865</xdr:colOff>
      <xdr:row>99</xdr:row>
      <xdr:rowOff>119838</xdr:rowOff>
    </xdr:to>
    <xdr:cxnSp macro="">
      <xdr:nvCxnSpPr>
        <xdr:cNvPr id="228" name="直線コネクタ 227"/>
        <xdr:cNvCxnSpPr/>
      </xdr:nvCxnSpPr>
      <xdr:spPr>
        <a:xfrm flipV="1">
          <a:off x="4633595" y="15571215"/>
          <a:ext cx="1270" cy="15221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23665</xdr:rowOff>
    </xdr:from>
    <xdr:ext cx="534377" cy="259045"/>
    <xdr:sp macro="" textlink="">
      <xdr:nvSpPr>
        <xdr:cNvPr id="229" name="扶助費最小値テキスト"/>
        <xdr:cNvSpPr txBox="1"/>
      </xdr:nvSpPr>
      <xdr:spPr>
        <a:xfrm>
          <a:off x="4686300" y="17097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9838</xdr:rowOff>
    </xdr:from>
    <xdr:to>
      <xdr:col>24</xdr:col>
      <xdr:colOff>152400</xdr:colOff>
      <xdr:row>99</xdr:row>
      <xdr:rowOff>119838</xdr:rowOff>
    </xdr:to>
    <xdr:cxnSp macro="">
      <xdr:nvCxnSpPr>
        <xdr:cNvPr id="230" name="直線コネクタ 229"/>
        <xdr:cNvCxnSpPr/>
      </xdr:nvCxnSpPr>
      <xdr:spPr>
        <a:xfrm>
          <a:off x="4546600" y="17093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7392</xdr:rowOff>
    </xdr:from>
    <xdr:ext cx="599010" cy="259045"/>
    <xdr:sp macro="" textlink="">
      <xdr:nvSpPr>
        <xdr:cNvPr id="231" name="扶助費最大値テキスト"/>
        <xdr:cNvSpPr txBox="1"/>
      </xdr:nvSpPr>
      <xdr:spPr>
        <a:xfrm>
          <a:off x="4686300" y="15346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0715</xdr:rowOff>
    </xdr:from>
    <xdr:to>
      <xdr:col>24</xdr:col>
      <xdr:colOff>152400</xdr:colOff>
      <xdr:row>90</xdr:row>
      <xdr:rowOff>140715</xdr:rowOff>
    </xdr:to>
    <xdr:cxnSp macro="">
      <xdr:nvCxnSpPr>
        <xdr:cNvPr id="232" name="直線コネクタ 231"/>
        <xdr:cNvCxnSpPr/>
      </xdr:nvCxnSpPr>
      <xdr:spPr>
        <a:xfrm>
          <a:off x="4546600" y="15571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30632</xdr:rowOff>
    </xdr:from>
    <xdr:to>
      <xdr:col>24</xdr:col>
      <xdr:colOff>63500</xdr:colOff>
      <xdr:row>96</xdr:row>
      <xdr:rowOff>156794</xdr:rowOff>
    </xdr:to>
    <xdr:cxnSp macro="">
      <xdr:nvCxnSpPr>
        <xdr:cNvPr id="233" name="直線コネクタ 232"/>
        <xdr:cNvCxnSpPr/>
      </xdr:nvCxnSpPr>
      <xdr:spPr>
        <a:xfrm flipV="1">
          <a:off x="3797300" y="16589832"/>
          <a:ext cx="838200" cy="26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7548</xdr:rowOff>
    </xdr:from>
    <xdr:ext cx="599010" cy="259045"/>
    <xdr:sp macro="" textlink="">
      <xdr:nvSpPr>
        <xdr:cNvPr id="234" name="扶助費平均値テキスト"/>
        <xdr:cNvSpPr txBox="1"/>
      </xdr:nvSpPr>
      <xdr:spPr>
        <a:xfrm>
          <a:off x="4686300" y="1627384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4671</xdr:rowOff>
    </xdr:from>
    <xdr:to>
      <xdr:col>24</xdr:col>
      <xdr:colOff>114300</xdr:colOff>
      <xdr:row>96</xdr:row>
      <xdr:rowOff>64821</xdr:rowOff>
    </xdr:to>
    <xdr:sp macro="" textlink="">
      <xdr:nvSpPr>
        <xdr:cNvPr id="235" name="フローチャート: 判断 234"/>
        <xdr:cNvSpPr/>
      </xdr:nvSpPr>
      <xdr:spPr>
        <a:xfrm>
          <a:off x="4584700" y="16422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56794</xdr:rowOff>
    </xdr:from>
    <xdr:to>
      <xdr:col>19</xdr:col>
      <xdr:colOff>177800</xdr:colOff>
      <xdr:row>97</xdr:row>
      <xdr:rowOff>51042</xdr:rowOff>
    </xdr:to>
    <xdr:cxnSp macro="">
      <xdr:nvCxnSpPr>
        <xdr:cNvPr id="236" name="直線コネクタ 235"/>
        <xdr:cNvCxnSpPr/>
      </xdr:nvCxnSpPr>
      <xdr:spPr>
        <a:xfrm flipV="1">
          <a:off x="2908300" y="16615994"/>
          <a:ext cx="889000" cy="65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4978</xdr:rowOff>
    </xdr:from>
    <xdr:to>
      <xdr:col>20</xdr:col>
      <xdr:colOff>38100</xdr:colOff>
      <xdr:row>96</xdr:row>
      <xdr:rowOff>85128</xdr:rowOff>
    </xdr:to>
    <xdr:sp macro="" textlink="">
      <xdr:nvSpPr>
        <xdr:cNvPr id="237" name="フローチャート: 判断 236"/>
        <xdr:cNvSpPr/>
      </xdr:nvSpPr>
      <xdr:spPr>
        <a:xfrm>
          <a:off x="3746500" y="16442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1655</xdr:rowOff>
    </xdr:from>
    <xdr:ext cx="599010" cy="259045"/>
    <xdr:sp macro="" textlink="">
      <xdr:nvSpPr>
        <xdr:cNvPr id="238" name="テキスト ボックス 237"/>
        <xdr:cNvSpPr txBox="1"/>
      </xdr:nvSpPr>
      <xdr:spPr>
        <a:xfrm>
          <a:off x="3497795" y="162179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51042</xdr:rowOff>
    </xdr:from>
    <xdr:to>
      <xdr:col>15</xdr:col>
      <xdr:colOff>50800</xdr:colOff>
      <xdr:row>97</xdr:row>
      <xdr:rowOff>100445</xdr:rowOff>
    </xdr:to>
    <xdr:cxnSp macro="">
      <xdr:nvCxnSpPr>
        <xdr:cNvPr id="239" name="直線コネクタ 238"/>
        <xdr:cNvCxnSpPr/>
      </xdr:nvCxnSpPr>
      <xdr:spPr>
        <a:xfrm flipV="1">
          <a:off x="2019300" y="16681692"/>
          <a:ext cx="889000" cy="49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811</xdr:rowOff>
    </xdr:from>
    <xdr:to>
      <xdr:col>15</xdr:col>
      <xdr:colOff>101600</xdr:colOff>
      <xdr:row>96</xdr:row>
      <xdr:rowOff>117411</xdr:rowOff>
    </xdr:to>
    <xdr:sp macro="" textlink="">
      <xdr:nvSpPr>
        <xdr:cNvPr id="240" name="フローチャート: 判断 239"/>
        <xdr:cNvSpPr/>
      </xdr:nvSpPr>
      <xdr:spPr>
        <a:xfrm>
          <a:off x="2857500" y="16475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33938</xdr:rowOff>
    </xdr:from>
    <xdr:ext cx="599010" cy="259045"/>
    <xdr:sp macro="" textlink="">
      <xdr:nvSpPr>
        <xdr:cNvPr id="241" name="テキスト ボックス 240"/>
        <xdr:cNvSpPr txBox="1"/>
      </xdr:nvSpPr>
      <xdr:spPr>
        <a:xfrm>
          <a:off x="2608795" y="162502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00445</xdr:rowOff>
    </xdr:from>
    <xdr:to>
      <xdr:col>10</xdr:col>
      <xdr:colOff>114300</xdr:colOff>
      <xdr:row>97</xdr:row>
      <xdr:rowOff>159969</xdr:rowOff>
    </xdr:to>
    <xdr:cxnSp macro="">
      <xdr:nvCxnSpPr>
        <xdr:cNvPr id="242" name="直線コネクタ 241"/>
        <xdr:cNvCxnSpPr/>
      </xdr:nvCxnSpPr>
      <xdr:spPr>
        <a:xfrm flipV="1">
          <a:off x="1130300" y="16731095"/>
          <a:ext cx="889000" cy="59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2677</xdr:rowOff>
    </xdr:from>
    <xdr:to>
      <xdr:col>10</xdr:col>
      <xdr:colOff>165100</xdr:colOff>
      <xdr:row>97</xdr:row>
      <xdr:rowOff>12827</xdr:rowOff>
    </xdr:to>
    <xdr:sp macro="" textlink="">
      <xdr:nvSpPr>
        <xdr:cNvPr id="243" name="フローチャート: 判断 242"/>
        <xdr:cNvSpPr/>
      </xdr:nvSpPr>
      <xdr:spPr>
        <a:xfrm>
          <a:off x="1968500" y="1654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29354</xdr:rowOff>
    </xdr:from>
    <xdr:ext cx="599010" cy="259045"/>
    <xdr:sp macro="" textlink="">
      <xdr:nvSpPr>
        <xdr:cNvPr id="244" name="テキスト ボックス 243"/>
        <xdr:cNvSpPr txBox="1"/>
      </xdr:nvSpPr>
      <xdr:spPr>
        <a:xfrm>
          <a:off x="1719795" y="163171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0670</xdr:rowOff>
    </xdr:from>
    <xdr:to>
      <xdr:col>6</xdr:col>
      <xdr:colOff>38100</xdr:colOff>
      <xdr:row>97</xdr:row>
      <xdr:rowOff>60820</xdr:rowOff>
    </xdr:to>
    <xdr:sp macro="" textlink="">
      <xdr:nvSpPr>
        <xdr:cNvPr id="245" name="フローチャート: 判断 244"/>
        <xdr:cNvSpPr/>
      </xdr:nvSpPr>
      <xdr:spPr>
        <a:xfrm>
          <a:off x="1079500" y="16589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77347</xdr:rowOff>
    </xdr:from>
    <xdr:ext cx="599010" cy="259045"/>
    <xdr:sp macro="" textlink="">
      <xdr:nvSpPr>
        <xdr:cNvPr id="246" name="テキスト ボックス 245"/>
        <xdr:cNvSpPr txBox="1"/>
      </xdr:nvSpPr>
      <xdr:spPr>
        <a:xfrm>
          <a:off x="830795" y="16365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9832</xdr:rowOff>
    </xdr:from>
    <xdr:to>
      <xdr:col>24</xdr:col>
      <xdr:colOff>114300</xdr:colOff>
      <xdr:row>97</xdr:row>
      <xdr:rowOff>9982</xdr:rowOff>
    </xdr:to>
    <xdr:sp macro="" textlink="">
      <xdr:nvSpPr>
        <xdr:cNvPr id="252" name="楕円 251"/>
        <xdr:cNvSpPr/>
      </xdr:nvSpPr>
      <xdr:spPr>
        <a:xfrm>
          <a:off x="4584700" y="16539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58259</xdr:rowOff>
    </xdr:from>
    <xdr:ext cx="599010" cy="259045"/>
    <xdr:sp macro="" textlink="">
      <xdr:nvSpPr>
        <xdr:cNvPr id="253" name="扶助費該当値テキスト"/>
        <xdr:cNvSpPr txBox="1"/>
      </xdr:nvSpPr>
      <xdr:spPr>
        <a:xfrm>
          <a:off x="4686300" y="165174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05994</xdr:rowOff>
    </xdr:from>
    <xdr:to>
      <xdr:col>20</xdr:col>
      <xdr:colOff>38100</xdr:colOff>
      <xdr:row>97</xdr:row>
      <xdr:rowOff>36144</xdr:rowOff>
    </xdr:to>
    <xdr:sp macro="" textlink="">
      <xdr:nvSpPr>
        <xdr:cNvPr id="254" name="楕円 253"/>
        <xdr:cNvSpPr/>
      </xdr:nvSpPr>
      <xdr:spPr>
        <a:xfrm>
          <a:off x="3746500" y="16565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27271</xdr:rowOff>
    </xdr:from>
    <xdr:ext cx="599010" cy="259045"/>
    <xdr:sp macro="" textlink="">
      <xdr:nvSpPr>
        <xdr:cNvPr id="255" name="テキスト ボックス 254"/>
        <xdr:cNvSpPr txBox="1"/>
      </xdr:nvSpPr>
      <xdr:spPr>
        <a:xfrm>
          <a:off x="3497795" y="166579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242</xdr:rowOff>
    </xdr:from>
    <xdr:to>
      <xdr:col>15</xdr:col>
      <xdr:colOff>101600</xdr:colOff>
      <xdr:row>97</xdr:row>
      <xdr:rowOff>101842</xdr:rowOff>
    </xdr:to>
    <xdr:sp macro="" textlink="">
      <xdr:nvSpPr>
        <xdr:cNvPr id="256" name="楕円 255"/>
        <xdr:cNvSpPr/>
      </xdr:nvSpPr>
      <xdr:spPr>
        <a:xfrm>
          <a:off x="2857500" y="16630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92969</xdr:rowOff>
    </xdr:from>
    <xdr:ext cx="599010" cy="259045"/>
    <xdr:sp macro="" textlink="">
      <xdr:nvSpPr>
        <xdr:cNvPr id="257" name="テキスト ボックス 256"/>
        <xdr:cNvSpPr txBox="1"/>
      </xdr:nvSpPr>
      <xdr:spPr>
        <a:xfrm>
          <a:off x="2608795" y="167236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49645</xdr:rowOff>
    </xdr:from>
    <xdr:to>
      <xdr:col>10</xdr:col>
      <xdr:colOff>165100</xdr:colOff>
      <xdr:row>97</xdr:row>
      <xdr:rowOff>151245</xdr:rowOff>
    </xdr:to>
    <xdr:sp macro="" textlink="">
      <xdr:nvSpPr>
        <xdr:cNvPr id="258" name="楕円 257"/>
        <xdr:cNvSpPr/>
      </xdr:nvSpPr>
      <xdr:spPr>
        <a:xfrm>
          <a:off x="1968500" y="16680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142372</xdr:rowOff>
    </xdr:from>
    <xdr:ext cx="599010" cy="259045"/>
    <xdr:sp macro="" textlink="">
      <xdr:nvSpPr>
        <xdr:cNvPr id="259" name="テキスト ボックス 258"/>
        <xdr:cNvSpPr txBox="1"/>
      </xdr:nvSpPr>
      <xdr:spPr>
        <a:xfrm>
          <a:off x="1719795" y="167730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9169</xdr:rowOff>
    </xdr:from>
    <xdr:to>
      <xdr:col>6</xdr:col>
      <xdr:colOff>38100</xdr:colOff>
      <xdr:row>98</xdr:row>
      <xdr:rowOff>39319</xdr:rowOff>
    </xdr:to>
    <xdr:sp macro="" textlink="">
      <xdr:nvSpPr>
        <xdr:cNvPr id="260" name="楕円 259"/>
        <xdr:cNvSpPr/>
      </xdr:nvSpPr>
      <xdr:spPr>
        <a:xfrm>
          <a:off x="1079500" y="16739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30446</xdr:rowOff>
    </xdr:from>
    <xdr:ext cx="599010" cy="259045"/>
    <xdr:sp macro="" textlink="">
      <xdr:nvSpPr>
        <xdr:cNvPr id="261" name="テキスト ボックス 260"/>
        <xdr:cNvSpPr txBox="1"/>
      </xdr:nvSpPr>
      <xdr:spPr>
        <a:xfrm>
          <a:off x="830795" y="168325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2" name="テキスト ボックス 271"/>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4" name="テキスト ボックス 273"/>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8" name="テキスト ボックス 277"/>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0" name="テキスト ボックス 279"/>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2" name="テキスト ボックス 281"/>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4" name="テキスト ボックス 283"/>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627</xdr:rowOff>
    </xdr:from>
    <xdr:to>
      <xdr:col>54</xdr:col>
      <xdr:colOff>189865</xdr:colOff>
      <xdr:row>37</xdr:row>
      <xdr:rowOff>127546</xdr:rowOff>
    </xdr:to>
    <xdr:cxnSp macro="">
      <xdr:nvCxnSpPr>
        <xdr:cNvPr id="286" name="直線コネクタ 285"/>
        <xdr:cNvCxnSpPr/>
      </xdr:nvCxnSpPr>
      <xdr:spPr>
        <a:xfrm flipV="1">
          <a:off x="10475595" y="5328577"/>
          <a:ext cx="1270" cy="11426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31373</xdr:rowOff>
    </xdr:from>
    <xdr:ext cx="534377" cy="259045"/>
    <xdr:sp macro="" textlink="">
      <xdr:nvSpPr>
        <xdr:cNvPr id="287" name="補助費等最小値テキスト"/>
        <xdr:cNvSpPr txBox="1"/>
      </xdr:nvSpPr>
      <xdr:spPr>
        <a:xfrm>
          <a:off x="10528300" y="647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27546</xdr:rowOff>
    </xdr:from>
    <xdr:to>
      <xdr:col>55</xdr:col>
      <xdr:colOff>88900</xdr:colOff>
      <xdr:row>37</xdr:row>
      <xdr:rowOff>127546</xdr:rowOff>
    </xdr:to>
    <xdr:cxnSp macro="">
      <xdr:nvCxnSpPr>
        <xdr:cNvPr id="288" name="直線コネクタ 287"/>
        <xdr:cNvCxnSpPr/>
      </xdr:nvCxnSpPr>
      <xdr:spPr>
        <a:xfrm>
          <a:off x="10388600" y="6471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1754</xdr:rowOff>
    </xdr:from>
    <xdr:ext cx="534377" cy="259045"/>
    <xdr:sp macro="" textlink="">
      <xdr:nvSpPr>
        <xdr:cNvPr id="289" name="補助費等最大値テキスト"/>
        <xdr:cNvSpPr txBox="1"/>
      </xdr:nvSpPr>
      <xdr:spPr>
        <a:xfrm>
          <a:off x="10528300" y="5103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3627</xdr:rowOff>
    </xdr:from>
    <xdr:to>
      <xdr:col>55</xdr:col>
      <xdr:colOff>88900</xdr:colOff>
      <xdr:row>31</xdr:row>
      <xdr:rowOff>13627</xdr:rowOff>
    </xdr:to>
    <xdr:cxnSp macro="">
      <xdr:nvCxnSpPr>
        <xdr:cNvPr id="290" name="直線コネクタ 289"/>
        <xdr:cNvCxnSpPr/>
      </xdr:nvCxnSpPr>
      <xdr:spPr>
        <a:xfrm>
          <a:off x="10388600" y="53285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3627</xdr:rowOff>
    </xdr:from>
    <xdr:to>
      <xdr:col>55</xdr:col>
      <xdr:colOff>0</xdr:colOff>
      <xdr:row>32</xdr:row>
      <xdr:rowOff>157035</xdr:rowOff>
    </xdr:to>
    <xdr:cxnSp macro="">
      <xdr:nvCxnSpPr>
        <xdr:cNvPr id="291" name="直線コネクタ 290"/>
        <xdr:cNvCxnSpPr/>
      </xdr:nvCxnSpPr>
      <xdr:spPr>
        <a:xfrm flipV="1">
          <a:off x="9639300" y="5328577"/>
          <a:ext cx="838200" cy="314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34523</xdr:rowOff>
    </xdr:from>
    <xdr:ext cx="534377" cy="259045"/>
    <xdr:sp macro="" textlink="">
      <xdr:nvSpPr>
        <xdr:cNvPr id="292" name="補助費等平均値テキスト"/>
        <xdr:cNvSpPr txBox="1"/>
      </xdr:nvSpPr>
      <xdr:spPr>
        <a:xfrm>
          <a:off x="10528300" y="56923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56096</xdr:rowOff>
    </xdr:from>
    <xdr:to>
      <xdr:col>55</xdr:col>
      <xdr:colOff>50800</xdr:colOff>
      <xdr:row>33</xdr:row>
      <xdr:rowOff>157696</xdr:rowOff>
    </xdr:to>
    <xdr:sp macro="" textlink="">
      <xdr:nvSpPr>
        <xdr:cNvPr id="293" name="フローチャート: 判断 292"/>
        <xdr:cNvSpPr/>
      </xdr:nvSpPr>
      <xdr:spPr>
        <a:xfrm>
          <a:off x="10426700" y="5713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157035</xdr:rowOff>
    </xdr:from>
    <xdr:to>
      <xdr:col>50</xdr:col>
      <xdr:colOff>114300</xdr:colOff>
      <xdr:row>33</xdr:row>
      <xdr:rowOff>150482</xdr:rowOff>
    </xdr:to>
    <xdr:cxnSp macro="">
      <xdr:nvCxnSpPr>
        <xdr:cNvPr id="294" name="直線コネクタ 293"/>
        <xdr:cNvCxnSpPr/>
      </xdr:nvCxnSpPr>
      <xdr:spPr>
        <a:xfrm flipV="1">
          <a:off x="8750300" y="5643435"/>
          <a:ext cx="889000" cy="164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3</xdr:row>
      <xdr:rowOff>70955</xdr:rowOff>
    </xdr:from>
    <xdr:to>
      <xdr:col>50</xdr:col>
      <xdr:colOff>165100</xdr:colOff>
      <xdr:row>34</xdr:row>
      <xdr:rowOff>1105</xdr:rowOff>
    </xdr:to>
    <xdr:sp macro="" textlink="">
      <xdr:nvSpPr>
        <xdr:cNvPr id="295" name="フローチャート: 判断 294"/>
        <xdr:cNvSpPr/>
      </xdr:nvSpPr>
      <xdr:spPr>
        <a:xfrm>
          <a:off x="9588500" y="5728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163682</xdr:rowOff>
    </xdr:from>
    <xdr:ext cx="534377" cy="259045"/>
    <xdr:sp macro="" textlink="">
      <xdr:nvSpPr>
        <xdr:cNvPr id="296" name="テキスト ボックス 295"/>
        <xdr:cNvSpPr txBox="1"/>
      </xdr:nvSpPr>
      <xdr:spPr>
        <a:xfrm>
          <a:off x="9372111" y="5821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3</xdr:row>
      <xdr:rowOff>50355</xdr:rowOff>
    </xdr:from>
    <xdr:to>
      <xdr:col>45</xdr:col>
      <xdr:colOff>177800</xdr:colOff>
      <xdr:row>33</xdr:row>
      <xdr:rowOff>150482</xdr:rowOff>
    </xdr:to>
    <xdr:cxnSp macro="">
      <xdr:nvCxnSpPr>
        <xdr:cNvPr id="297" name="直線コネクタ 296"/>
        <xdr:cNvCxnSpPr/>
      </xdr:nvCxnSpPr>
      <xdr:spPr>
        <a:xfrm>
          <a:off x="7861300" y="5708205"/>
          <a:ext cx="889000" cy="100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3</xdr:row>
      <xdr:rowOff>59068</xdr:rowOff>
    </xdr:from>
    <xdr:to>
      <xdr:col>46</xdr:col>
      <xdr:colOff>38100</xdr:colOff>
      <xdr:row>33</xdr:row>
      <xdr:rowOff>160668</xdr:rowOff>
    </xdr:to>
    <xdr:sp macro="" textlink="">
      <xdr:nvSpPr>
        <xdr:cNvPr id="298" name="フローチャート: 判断 297"/>
        <xdr:cNvSpPr/>
      </xdr:nvSpPr>
      <xdr:spPr>
        <a:xfrm>
          <a:off x="8699500" y="5716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2</xdr:row>
      <xdr:rowOff>5745</xdr:rowOff>
    </xdr:from>
    <xdr:ext cx="534377" cy="259045"/>
    <xdr:sp macro="" textlink="">
      <xdr:nvSpPr>
        <xdr:cNvPr id="299" name="テキスト ボックス 298"/>
        <xdr:cNvSpPr txBox="1"/>
      </xdr:nvSpPr>
      <xdr:spPr>
        <a:xfrm>
          <a:off x="8483111" y="5492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3</xdr:row>
      <xdr:rowOff>50355</xdr:rowOff>
    </xdr:from>
    <xdr:to>
      <xdr:col>41</xdr:col>
      <xdr:colOff>50800</xdr:colOff>
      <xdr:row>33</xdr:row>
      <xdr:rowOff>129527</xdr:rowOff>
    </xdr:to>
    <xdr:cxnSp macro="">
      <xdr:nvCxnSpPr>
        <xdr:cNvPr id="300" name="直線コネクタ 299"/>
        <xdr:cNvCxnSpPr/>
      </xdr:nvCxnSpPr>
      <xdr:spPr>
        <a:xfrm flipV="1">
          <a:off x="6972300" y="5708205"/>
          <a:ext cx="889000" cy="79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3</xdr:row>
      <xdr:rowOff>36169</xdr:rowOff>
    </xdr:from>
    <xdr:to>
      <xdr:col>41</xdr:col>
      <xdr:colOff>101600</xdr:colOff>
      <xdr:row>33</xdr:row>
      <xdr:rowOff>137769</xdr:rowOff>
    </xdr:to>
    <xdr:sp macro="" textlink="">
      <xdr:nvSpPr>
        <xdr:cNvPr id="301" name="フローチャート: 判断 300"/>
        <xdr:cNvSpPr/>
      </xdr:nvSpPr>
      <xdr:spPr>
        <a:xfrm>
          <a:off x="7810500" y="5694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3</xdr:row>
      <xdr:rowOff>128896</xdr:rowOff>
    </xdr:from>
    <xdr:ext cx="534377" cy="259045"/>
    <xdr:sp macro="" textlink="">
      <xdr:nvSpPr>
        <xdr:cNvPr id="302" name="テキスト ボックス 301"/>
        <xdr:cNvSpPr txBox="1"/>
      </xdr:nvSpPr>
      <xdr:spPr>
        <a:xfrm>
          <a:off x="7594111" y="5786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63335</xdr:rowOff>
    </xdr:from>
    <xdr:to>
      <xdr:col>36</xdr:col>
      <xdr:colOff>165100</xdr:colOff>
      <xdr:row>33</xdr:row>
      <xdr:rowOff>164935</xdr:rowOff>
    </xdr:to>
    <xdr:sp macro="" textlink="">
      <xdr:nvSpPr>
        <xdr:cNvPr id="303" name="フローチャート: 判断 302"/>
        <xdr:cNvSpPr/>
      </xdr:nvSpPr>
      <xdr:spPr>
        <a:xfrm>
          <a:off x="6921500" y="5721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2</xdr:row>
      <xdr:rowOff>10012</xdr:rowOff>
    </xdr:from>
    <xdr:ext cx="534377" cy="259045"/>
    <xdr:sp macro="" textlink="">
      <xdr:nvSpPr>
        <xdr:cNvPr id="304" name="テキスト ボックス 303"/>
        <xdr:cNvSpPr txBox="1"/>
      </xdr:nvSpPr>
      <xdr:spPr>
        <a:xfrm>
          <a:off x="6705111" y="5496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0</xdr:row>
      <xdr:rowOff>134277</xdr:rowOff>
    </xdr:from>
    <xdr:to>
      <xdr:col>55</xdr:col>
      <xdr:colOff>50800</xdr:colOff>
      <xdr:row>31</xdr:row>
      <xdr:rowOff>64427</xdr:rowOff>
    </xdr:to>
    <xdr:sp macro="" textlink="">
      <xdr:nvSpPr>
        <xdr:cNvPr id="310" name="楕円 309"/>
        <xdr:cNvSpPr/>
      </xdr:nvSpPr>
      <xdr:spPr>
        <a:xfrm>
          <a:off x="10426700" y="5277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87304</xdr:rowOff>
    </xdr:from>
    <xdr:ext cx="534377" cy="259045"/>
    <xdr:sp macro="" textlink="">
      <xdr:nvSpPr>
        <xdr:cNvPr id="311" name="補助費等該当値テキスト"/>
        <xdr:cNvSpPr txBox="1"/>
      </xdr:nvSpPr>
      <xdr:spPr>
        <a:xfrm>
          <a:off x="10528300" y="5230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2</xdr:row>
      <xdr:rowOff>106235</xdr:rowOff>
    </xdr:from>
    <xdr:to>
      <xdr:col>50</xdr:col>
      <xdr:colOff>165100</xdr:colOff>
      <xdr:row>33</xdr:row>
      <xdr:rowOff>36385</xdr:rowOff>
    </xdr:to>
    <xdr:sp macro="" textlink="">
      <xdr:nvSpPr>
        <xdr:cNvPr id="312" name="楕円 311"/>
        <xdr:cNvSpPr/>
      </xdr:nvSpPr>
      <xdr:spPr>
        <a:xfrm>
          <a:off x="9588500" y="5592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1</xdr:row>
      <xdr:rowOff>52912</xdr:rowOff>
    </xdr:from>
    <xdr:ext cx="534377" cy="259045"/>
    <xdr:sp macro="" textlink="">
      <xdr:nvSpPr>
        <xdr:cNvPr id="313" name="テキスト ボックス 312"/>
        <xdr:cNvSpPr txBox="1"/>
      </xdr:nvSpPr>
      <xdr:spPr>
        <a:xfrm>
          <a:off x="9372111" y="5367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99682</xdr:rowOff>
    </xdr:from>
    <xdr:to>
      <xdr:col>46</xdr:col>
      <xdr:colOff>38100</xdr:colOff>
      <xdr:row>34</xdr:row>
      <xdr:rowOff>29832</xdr:rowOff>
    </xdr:to>
    <xdr:sp macro="" textlink="">
      <xdr:nvSpPr>
        <xdr:cNvPr id="314" name="楕円 313"/>
        <xdr:cNvSpPr/>
      </xdr:nvSpPr>
      <xdr:spPr>
        <a:xfrm>
          <a:off x="8699500" y="5757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20959</xdr:rowOff>
    </xdr:from>
    <xdr:ext cx="534377" cy="259045"/>
    <xdr:sp macro="" textlink="">
      <xdr:nvSpPr>
        <xdr:cNvPr id="315" name="テキスト ボックス 314"/>
        <xdr:cNvSpPr txBox="1"/>
      </xdr:nvSpPr>
      <xdr:spPr>
        <a:xfrm>
          <a:off x="8483111" y="5850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2</xdr:row>
      <xdr:rowOff>171005</xdr:rowOff>
    </xdr:from>
    <xdr:to>
      <xdr:col>41</xdr:col>
      <xdr:colOff>101600</xdr:colOff>
      <xdr:row>33</xdr:row>
      <xdr:rowOff>101155</xdr:rowOff>
    </xdr:to>
    <xdr:sp macro="" textlink="">
      <xdr:nvSpPr>
        <xdr:cNvPr id="316" name="楕円 315"/>
        <xdr:cNvSpPr/>
      </xdr:nvSpPr>
      <xdr:spPr>
        <a:xfrm>
          <a:off x="7810500" y="5657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1</xdr:row>
      <xdr:rowOff>117682</xdr:rowOff>
    </xdr:from>
    <xdr:ext cx="534377" cy="259045"/>
    <xdr:sp macro="" textlink="">
      <xdr:nvSpPr>
        <xdr:cNvPr id="317" name="テキスト ボックス 316"/>
        <xdr:cNvSpPr txBox="1"/>
      </xdr:nvSpPr>
      <xdr:spPr>
        <a:xfrm>
          <a:off x="7594111" y="5432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78727</xdr:rowOff>
    </xdr:from>
    <xdr:to>
      <xdr:col>36</xdr:col>
      <xdr:colOff>165100</xdr:colOff>
      <xdr:row>34</xdr:row>
      <xdr:rowOff>8877</xdr:rowOff>
    </xdr:to>
    <xdr:sp macro="" textlink="">
      <xdr:nvSpPr>
        <xdr:cNvPr id="318" name="楕円 317"/>
        <xdr:cNvSpPr/>
      </xdr:nvSpPr>
      <xdr:spPr>
        <a:xfrm>
          <a:off x="6921500" y="5736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4</xdr:rowOff>
    </xdr:from>
    <xdr:ext cx="534377" cy="259045"/>
    <xdr:sp macro="" textlink="">
      <xdr:nvSpPr>
        <xdr:cNvPr id="319" name="テキスト ボックス 318"/>
        <xdr:cNvSpPr txBox="1"/>
      </xdr:nvSpPr>
      <xdr:spPr>
        <a:xfrm>
          <a:off x="6705111" y="5829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0</xdr:row>
      <xdr:rowOff>111777</xdr:rowOff>
    </xdr:from>
    <xdr:ext cx="531299" cy="259045"/>
    <xdr:sp macro="" textlink="">
      <xdr:nvSpPr>
        <xdr:cNvPr id="330" name="テキスト ボックス 329"/>
        <xdr:cNvSpPr txBox="1"/>
      </xdr:nvSpPr>
      <xdr:spPr>
        <a:xfrm>
          <a:off x="6072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98878</xdr:rowOff>
    </xdr:from>
    <xdr:to>
      <xdr:col>59</xdr:col>
      <xdr:colOff>50800</xdr:colOff>
      <xdr:row>59</xdr:row>
      <xdr:rowOff>98878</xdr:rowOff>
    </xdr:to>
    <xdr:cxnSp macro="">
      <xdr:nvCxnSpPr>
        <xdr:cNvPr id="331" name="直線コネクタ 330"/>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128105</xdr:rowOff>
    </xdr:from>
    <xdr:ext cx="531299" cy="259045"/>
    <xdr:sp macro="" textlink="">
      <xdr:nvSpPr>
        <xdr:cNvPr id="332" name="テキスト ボックス 331"/>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3" name="直線コネクタ 332"/>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4" name="テキスト ボックス 333"/>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5" name="直線コネクタ 334"/>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6" name="テキスト ボックス 335"/>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7" name="直線コネクタ 336"/>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38" name="テキスト ボックス 337"/>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9" name="直線コネクタ 338"/>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0" name="テキスト ボックス 339"/>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1" name="直線コネクタ 340"/>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38299</xdr:rowOff>
    </xdr:from>
    <xdr:ext cx="531299" cy="259045"/>
    <xdr:sp macro="" textlink="">
      <xdr:nvSpPr>
        <xdr:cNvPr id="342" name="テキスト ボックス 341"/>
        <xdr:cNvSpPr txBox="1"/>
      </xdr:nvSpPr>
      <xdr:spPr>
        <a:xfrm>
          <a:off x="6072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4" name="テキスト ボックス 343"/>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6371</xdr:rowOff>
    </xdr:from>
    <xdr:to>
      <xdr:col>54</xdr:col>
      <xdr:colOff>189865</xdr:colOff>
      <xdr:row>59</xdr:row>
      <xdr:rowOff>43459</xdr:rowOff>
    </xdr:to>
    <xdr:cxnSp macro="">
      <xdr:nvCxnSpPr>
        <xdr:cNvPr id="346" name="直線コネクタ 345"/>
        <xdr:cNvCxnSpPr/>
      </xdr:nvCxnSpPr>
      <xdr:spPr>
        <a:xfrm flipV="1">
          <a:off x="10475595" y="8658871"/>
          <a:ext cx="1270" cy="1500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7286</xdr:rowOff>
    </xdr:from>
    <xdr:ext cx="534377" cy="259045"/>
    <xdr:sp macro="" textlink="">
      <xdr:nvSpPr>
        <xdr:cNvPr id="347" name="普通建設事業費最小値テキスト"/>
        <xdr:cNvSpPr txBox="1"/>
      </xdr:nvSpPr>
      <xdr:spPr>
        <a:xfrm>
          <a:off x="10528300" y="10162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3459</xdr:rowOff>
    </xdr:from>
    <xdr:to>
      <xdr:col>55</xdr:col>
      <xdr:colOff>88900</xdr:colOff>
      <xdr:row>59</xdr:row>
      <xdr:rowOff>43459</xdr:rowOff>
    </xdr:to>
    <xdr:cxnSp macro="">
      <xdr:nvCxnSpPr>
        <xdr:cNvPr id="348" name="直線コネクタ 347"/>
        <xdr:cNvCxnSpPr/>
      </xdr:nvCxnSpPr>
      <xdr:spPr>
        <a:xfrm>
          <a:off x="10388600" y="10159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3048</xdr:rowOff>
    </xdr:from>
    <xdr:ext cx="534377" cy="259045"/>
    <xdr:sp macro="" textlink="">
      <xdr:nvSpPr>
        <xdr:cNvPr id="349" name="普通建設事業費最大値テキスト"/>
        <xdr:cNvSpPr txBox="1"/>
      </xdr:nvSpPr>
      <xdr:spPr>
        <a:xfrm>
          <a:off x="10528300" y="8434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6371</xdr:rowOff>
    </xdr:from>
    <xdr:to>
      <xdr:col>55</xdr:col>
      <xdr:colOff>88900</xdr:colOff>
      <xdr:row>50</xdr:row>
      <xdr:rowOff>86371</xdr:rowOff>
    </xdr:to>
    <xdr:cxnSp macro="">
      <xdr:nvCxnSpPr>
        <xdr:cNvPr id="350" name="直線コネクタ 349"/>
        <xdr:cNvCxnSpPr/>
      </xdr:nvCxnSpPr>
      <xdr:spPr>
        <a:xfrm>
          <a:off x="10388600" y="8658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2</xdr:row>
      <xdr:rowOff>157041</xdr:rowOff>
    </xdr:from>
    <xdr:to>
      <xdr:col>55</xdr:col>
      <xdr:colOff>0</xdr:colOff>
      <xdr:row>53</xdr:row>
      <xdr:rowOff>94797</xdr:rowOff>
    </xdr:to>
    <xdr:cxnSp macro="">
      <xdr:nvCxnSpPr>
        <xdr:cNvPr id="351" name="直線コネクタ 350"/>
        <xdr:cNvCxnSpPr/>
      </xdr:nvCxnSpPr>
      <xdr:spPr>
        <a:xfrm>
          <a:off x="9639300" y="9072441"/>
          <a:ext cx="838200" cy="109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69123</xdr:rowOff>
    </xdr:from>
    <xdr:ext cx="534377" cy="259045"/>
    <xdr:sp macro="" textlink="">
      <xdr:nvSpPr>
        <xdr:cNvPr id="352" name="普通建設事業費平均値テキスト"/>
        <xdr:cNvSpPr txBox="1"/>
      </xdr:nvSpPr>
      <xdr:spPr>
        <a:xfrm>
          <a:off x="10528300" y="93274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90696</xdr:rowOff>
    </xdr:from>
    <xdr:to>
      <xdr:col>55</xdr:col>
      <xdr:colOff>50800</xdr:colOff>
      <xdr:row>55</xdr:row>
      <xdr:rowOff>20846</xdr:rowOff>
    </xdr:to>
    <xdr:sp macro="" textlink="">
      <xdr:nvSpPr>
        <xdr:cNvPr id="353" name="フローチャート: 判断 352"/>
        <xdr:cNvSpPr/>
      </xdr:nvSpPr>
      <xdr:spPr>
        <a:xfrm>
          <a:off x="10426700" y="9348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2</xdr:row>
      <xdr:rowOff>157041</xdr:rowOff>
    </xdr:from>
    <xdr:to>
      <xdr:col>50</xdr:col>
      <xdr:colOff>114300</xdr:colOff>
      <xdr:row>55</xdr:row>
      <xdr:rowOff>56947</xdr:rowOff>
    </xdr:to>
    <xdr:cxnSp macro="">
      <xdr:nvCxnSpPr>
        <xdr:cNvPr id="354" name="直線コネクタ 353"/>
        <xdr:cNvCxnSpPr/>
      </xdr:nvCxnSpPr>
      <xdr:spPr>
        <a:xfrm flipV="1">
          <a:off x="8750300" y="9072441"/>
          <a:ext cx="889000" cy="414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157578</xdr:rowOff>
    </xdr:from>
    <xdr:to>
      <xdr:col>50</xdr:col>
      <xdr:colOff>165100</xdr:colOff>
      <xdr:row>55</xdr:row>
      <xdr:rowOff>87728</xdr:rowOff>
    </xdr:to>
    <xdr:sp macro="" textlink="">
      <xdr:nvSpPr>
        <xdr:cNvPr id="355" name="フローチャート: 判断 354"/>
        <xdr:cNvSpPr/>
      </xdr:nvSpPr>
      <xdr:spPr>
        <a:xfrm>
          <a:off x="9588500" y="9415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78855</xdr:rowOff>
    </xdr:from>
    <xdr:ext cx="534377" cy="259045"/>
    <xdr:sp macro="" textlink="">
      <xdr:nvSpPr>
        <xdr:cNvPr id="356" name="テキスト ボックス 355"/>
        <xdr:cNvSpPr txBox="1"/>
      </xdr:nvSpPr>
      <xdr:spPr>
        <a:xfrm>
          <a:off x="9372111" y="9508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56947</xdr:rowOff>
    </xdr:from>
    <xdr:to>
      <xdr:col>45</xdr:col>
      <xdr:colOff>177800</xdr:colOff>
      <xdr:row>55</xdr:row>
      <xdr:rowOff>76443</xdr:rowOff>
    </xdr:to>
    <xdr:cxnSp macro="">
      <xdr:nvCxnSpPr>
        <xdr:cNvPr id="357" name="直線コネクタ 356"/>
        <xdr:cNvCxnSpPr/>
      </xdr:nvCxnSpPr>
      <xdr:spPr>
        <a:xfrm flipV="1">
          <a:off x="7861300" y="9486697"/>
          <a:ext cx="889000" cy="19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25741</xdr:rowOff>
    </xdr:from>
    <xdr:to>
      <xdr:col>46</xdr:col>
      <xdr:colOff>38100</xdr:colOff>
      <xdr:row>55</xdr:row>
      <xdr:rowOff>127341</xdr:rowOff>
    </xdr:to>
    <xdr:sp macro="" textlink="">
      <xdr:nvSpPr>
        <xdr:cNvPr id="358" name="フローチャート: 判断 357"/>
        <xdr:cNvSpPr/>
      </xdr:nvSpPr>
      <xdr:spPr>
        <a:xfrm>
          <a:off x="8699500" y="9455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18468</xdr:rowOff>
    </xdr:from>
    <xdr:ext cx="534377" cy="259045"/>
    <xdr:sp macro="" textlink="">
      <xdr:nvSpPr>
        <xdr:cNvPr id="359" name="テキスト ボックス 358"/>
        <xdr:cNvSpPr txBox="1"/>
      </xdr:nvSpPr>
      <xdr:spPr>
        <a:xfrm>
          <a:off x="8483111" y="9548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3</xdr:row>
      <xdr:rowOff>26608</xdr:rowOff>
    </xdr:from>
    <xdr:to>
      <xdr:col>41</xdr:col>
      <xdr:colOff>50800</xdr:colOff>
      <xdr:row>55</xdr:row>
      <xdr:rowOff>76443</xdr:rowOff>
    </xdr:to>
    <xdr:cxnSp macro="">
      <xdr:nvCxnSpPr>
        <xdr:cNvPr id="360" name="直線コネクタ 359"/>
        <xdr:cNvCxnSpPr/>
      </xdr:nvCxnSpPr>
      <xdr:spPr>
        <a:xfrm>
          <a:off x="6972300" y="9113458"/>
          <a:ext cx="889000" cy="392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8752</xdr:rowOff>
    </xdr:from>
    <xdr:to>
      <xdr:col>41</xdr:col>
      <xdr:colOff>101600</xdr:colOff>
      <xdr:row>55</xdr:row>
      <xdr:rowOff>120352</xdr:rowOff>
    </xdr:to>
    <xdr:sp macro="" textlink="">
      <xdr:nvSpPr>
        <xdr:cNvPr id="361" name="フローチャート: 判断 360"/>
        <xdr:cNvSpPr/>
      </xdr:nvSpPr>
      <xdr:spPr>
        <a:xfrm>
          <a:off x="7810500" y="9448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36879</xdr:rowOff>
    </xdr:from>
    <xdr:ext cx="534377" cy="259045"/>
    <xdr:sp macro="" textlink="">
      <xdr:nvSpPr>
        <xdr:cNvPr id="362" name="テキスト ボックス 361"/>
        <xdr:cNvSpPr txBox="1"/>
      </xdr:nvSpPr>
      <xdr:spPr>
        <a:xfrm>
          <a:off x="7594111" y="9223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35534</xdr:rowOff>
    </xdr:from>
    <xdr:to>
      <xdr:col>36</xdr:col>
      <xdr:colOff>165100</xdr:colOff>
      <xdr:row>55</xdr:row>
      <xdr:rowOff>65684</xdr:rowOff>
    </xdr:to>
    <xdr:sp macro="" textlink="">
      <xdr:nvSpPr>
        <xdr:cNvPr id="363" name="フローチャート: 判断 362"/>
        <xdr:cNvSpPr/>
      </xdr:nvSpPr>
      <xdr:spPr>
        <a:xfrm>
          <a:off x="6921500" y="9393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56811</xdr:rowOff>
    </xdr:from>
    <xdr:ext cx="534377" cy="259045"/>
    <xdr:sp macro="" textlink="">
      <xdr:nvSpPr>
        <xdr:cNvPr id="364" name="テキスト ボックス 363"/>
        <xdr:cNvSpPr txBox="1"/>
      </xdr:nvSpPr>
      <xdr:spPr>
        <a:xfrm>
          <a:off x="6705111" y="9486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43997</xdr:rowOff>
    </xdr:from>
    <xdr:to>
      <xdr:col>55</xdr:col>
      <xdr:colOff>50800</xdr:colOff>
      <xdr:row>53</xdr:row>
      <xdr:rowOff>145597</xdr:rowOff>
    </xdr:to>
    <xdr:sp macro="" textlink="">
      <xdr:nvSpPr>
        <xdr:cNvPr id="370" name="楕円 369"/>
        <xdr:cNvSpPr/>
      </xdr:nvSpPr>
      <xdr:spPr>
        <a:xfrm>
          <a:off x="10426700" y="9130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2</xdr:row>
      <xdr:rowOff>66874</xdr:rowOff>
    </xdr:from>
    <xdr:ext cx="534377" cy="259045"/>
    <xdr:sp macro="" textlink="">
      <xdr:nvSpPr>
        <xdr:cNvPr id="371" name="普通建設事業費該当値テキスト"/>
        <xdr:cNvSpPr txBox="1"/>
      </xdr:nvSpPr>
      <xdr:spPr>
        <a:xfrm>
          <a:off x="10528300" y="8982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2</xdr:row>
      <xdr:rowOff>106241</xdr:rowOff>
    </xdr:from>
    <xdr:to>
      <xdr:col>50</xdr:col>
      <xdr:colOff>165100</xdr:colOff>
      <xdr:row>53</xdr:row>
      <xdr:rowOff>36391</xdr:rowOff>
    </xdr:to>
    <xdr:sp macro="" textlink="">
      <xdr:nvSpPr>
        <xdr:cNvPr id="372" name="楕円 371"/>
        <xdr:cNvSpPr/>
      </xdr:nvSpPr>
      <xdr:spPr>
        <a:xfrm>
          <a:off x="9588500" y="9021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1</xdr:row>
      <xdr:rowOff>52918</xdr:rowOff>
    </xdr:from>
    <xdr:ext cx="534377" cy="259045"/>
    <xdr:sp macro="" textlink="">
      <xdr:nvSpPr>
        <xdr:cNvPr id="373" name="テキスト ボックス 372"/>
        <xdr:cNvSpPr txBox="1"/>
      </xdr:nvSpPr>
      <xdr:spPr>
        <a:xfrm>
          <a:off x="9372111" y="8796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6147</xdr:rowOff>
    </xdr:from>
    <xdr:to>
      <xdr:col>46</xdr:col>
      <xdr:colOff>38100</xdr:colOff>
      <xdr:row>55</xdr:row>
      <xdr:rowOff>107747</xdr:rowOff>
    </xdr:to>
    <xdr:sp macro="" textlink="">
      <xdr:nvSpPr>
        <xdr:cNvPr id="374" name="楕円 373"/>
        <xdr:cNvSpPr/>
      </xdr:nvSpPr>
      <xdr:spPr>
        <a:xfrm>
          <a:off x="8699500" y="9435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124274</xdr:rowOff>
    </xdr:from>
    <xdr:ext cx="534377" cy="259045"/>
    <xdr:sp macro="" textlink="">
      <xdr:nvSpPr>
        <xdr:cNvPr id="375" name="テキスト ボックス 374"/>
        <xdr:cNvSpPr txBox="1"/>
      </xdr:nvSpPr>
      <xdr:spPr>
        <a:xfrm>
          <a:off x="8483111" y="9211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25643</xdr:rowOff>
    </xdr:from>
    <xdr:to>
      <xdr:col>41</xdr:col>
      <xdr:colOff>101600</xdr:colOff>
      <xdr:row>55</xdr:row>
      <xdr:rowOff>127243</xdr:rowOff>
    </xdr:to>
    <xdr:sp macro="" textlink="">
      <xdr:nvSpPr>
        <xdr:cNvPr id="376" name="楕円 375"/>
        <xdr:cNvSpPr/>
      </xdr:nvSpPr>
      <xdr:spPr>
        <a:xfrm>
          <a:off x="7810500" y="9455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18370</xdr:rowOff>
    </xdr:from>
    <xdr:ext cx="534377" cy="259045"/>
    <xdr:sp macro="" textlink="">
      <xdr:nvSpPr>
        <xdr:cNvPr id="377" name="テキスト ボックス 376"/>
        <xdr:cNvSpPr txBox="1"/>
      </xdr:nvSpPr>
      <xdr:spPr>
        <a:xfrm>
          <a:off x="7594111" y="9548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2</xdr:row>
      <xdr:rowOff>147258</xdr:rowOff>
    </xdr:from>
    <xdr:to>
      <xdr:col>36</xdr:col>
      <xdr:colOff>165100</xdr:colOff>
      <xdr:row>53</xdr:row>
      <xdr:rowOff>77408</xdr:rowOff>
    </xdr:to>
    <xdr:sp macro="" textlink="">
      <xdr:nvSpPr>
        <xdr:cNvPr id="378" name="楕円 377"/>
        <xdr:cNvSpPr/>
      </xdr:nvSpPr>
      <xdr:spPr>
        <a:xfrm>
          <a:off x="6921500" y="9062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1</xdr:row>
      <xdr:rowOff>93935</xdr:rowOff>
    </xdr:from>
    <xdr:ext cx="534377" cy="259045"/>
    <xdr:sp macro="" textlink="">
      <xdr:nvSpPr>
        <xdr:cNvPr id="379" name="テキスト ボックス 378"/>
        <xdr:cNvSpPr txBox="1"/>
      </xdr:nvSpPr>
      <xdr:spPr>
        <a:xfrm>
          <a:off x="6705111" y="8837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1" name="テキスト ボックス 390"/>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3" name="テキスト ボックス 392"/>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5" name="テキスト ボックス 394"/>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7" name="テキスト ボックス 396"/>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9" name="テキスト ボックス 398"/>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6007</xdr:rowOff>
    </xdr:from>
    <xdr:to>
      <xdr:col>54</xdr:col>
      <xdr:colOff>189865</xdr:colOff>
      <xdr:row>78</xdr:row>
      <xdr:rowOff>26924</xdr:rowOff>
    </xdr:to>
    <xdr:cxnSp macro="">
      <xdr:nvCxnSpPr>
        <xdr:cNvPr id="403" name="直線コネクタ 402"/>
        <xdr:cNvCxnSpPr/>
      </xdr:nvCxnSpPr>
      <xdr:spPr>
        <a:xfrm flipV="1">
          <a:off x="10475595" y="12157507"/>
          <a:ext cx="1270" cy="12425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30751</xdr:rowOff>
    </xdr:from>
    <xdr:ext cx="469744" cy="259045"/>
    <xdr:sp macro="" textlink="">
      <xdr:nvSpPr>
        <xdr:cNvPr id="404" name="普通建設事業費 （ うち新規整備　）最小値テキスト"/>
        <xdr:cNvSpPr txBox="1"/>
      </xdr:nvSpPr>
      <xdr:spPr>
        <a:xfrm>
          <a:off x="10528300" y="13403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6924</xdr:rowOff>
    </xdr:from>
    <xdr:to>
      <xdr:col>55</xdr:col>
      <xdr:colOff>88900</xdr:colOff>
      <xdr:row>78</xdr:row>
      <xdr:rowOff>26924</xdr:rowOff>
    </xdr:to>
    <xdr:cxnSp macro="">
      <xdr:nvCxnSpPr>
        <xdr:cNvPr id="405" name="直線コネクタ 404"/>
        <xdr:cNvCxnSpPr/>
      </xdr:nvCxnSpPr>
      <xdr:spPr>
        <a:xfrm>
          <a:off x="10388600" y="13400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684</xdr:rowOff>
    </xdr:from>
    <xdr:ext cx="534377" cy="259045"/>
    <xdr:sp macro="" textlink="">
      <xdr:nvSpPr>
        <xdr:cNvPr id="406" name="普通建設事業費 （ うち新規整備　）最大値テキスト"/>
        <xdr:cNvSpPr txBox="1"/>
      </xdr:nvSpPr>
      <xdr:spPr>
        <a:xfrm>
          <a:off x="10528300" y="11932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6007</xdr:rowOff>
    </xdr:from>
    <xdr:to>
      <xdr:col>55</xdr:col>
      <xdr:colOff>88900</xdr:colOff>
      <xdr:row>70</xdr:row>
      <xdr:rowOff>156007</xdr:rowOff>
    </xdr:to>
    <xdr:cxnSp macro="">
      <xdr:nvCxnSpPr>
        <xdr:cNvPr id="407" name="直線コネクタ 406"/>
        <xdr:cNvCxnSpPr/>
      </xdr:nvCxnSpPr>
      <xdr:spPr>
        <a:xfrm>
          <a:off x="10388600" y="12157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2</xdr:row>
      <xdr:rowOff>70206</xdr:rowOff>
    </xdr:from>
    <xdr:to>
      <xdr:col>55</xdr:col>
      <xdr:colOff>0</xdr:colOff>
      <xdr:row>72</xdr:row>
      <xdr:rowOff>88646</xdr:rowOff>
    </xdr:to>
    <xdr:cxnSp macro="">
      <xdr:nvCxnSpPr>
        <xdr:cNvPr id="408" name="直線コネクタ 407"/>
        <xdr:cNvCxnSpPr/>
      </xdr:nvCxnSpPr>
      <xdr:spPr>
        <a:xfrm flipV="1">
          <a:off x="9639300" y="12414606"/>
          <a:ext cx="838200" cy="18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132325</xdr:rowOff>
    </xdr:from>
    <xdr:ext cx="534377" cy="259045"/>
    <xdr:sp macro="" textlink="">
      <xdr:nvSpPr>
        <xdr:cNvPr id="409" name="普通建設事業費 （ うち新規整備　）平均値テキスト"/>
        <xdr:cNvSpPr txBox="1"/>
      </xdr:nvSpPr>
      <xdr:spPr>
        <a:xfrm>
          <a:off x="10528300" y="128196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53898</xdr:rowOff>
    </xdr:from>
    <xdr:to>
      <xdr:col>55</xdr:col>
      <xdr:colOff>50800</xdr:colOff>
      <xdr:row>75</xdr:row>
      <xdr:rowOff>84048</xdr:rowOff>
    </xdr:to>
    <xdr:sp macro="" textlink="">
      <xdr:nvSpPr>
        <xdr:cNvPr id="410" name="フローチャート: 判断 409"/>
        <xdr:cNvSpPr/>
      </xdr:nvSpPr>
      <xdr:spPr>
        <a:xfrm>
          <a:off x="10426700" y="1284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2</xdr:row>
      <xdr:rowOff>88646</xdr:rowOff>
    </xdr:from>
    <xdr:to>
      <xdr:col>50</xdr:col>
      <xdr:colOff>114300</xdr:colOff>
      <xdr:row>75</xdr:row>
      <xdr:rowOff>16370</xdr:rowOff>
    </xdr:to>
    <xdr:cxnSp macro="">
      <xdr:nvCxnSpPr>
        <xdr:cNvPr id="411" name="直線コネクタ 410"/>
        <xdr:cNvCxnSpPr/>
      </xdr:nvCxnSpPr>
      <xdr:spPr>
        <a:xfrm flipV="1">
          <a:off x="8750300" y="12433046"/>
          <a:ext cx="889000" cy="442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29655</xdr:rowOff>
    </xdr:from>
    <xdr:to>
      <xdr:col>50</xdr:col>
      <xdr:colOff>165100</xdr:colOff>
      <xdr:row>75</xdr:row>
      <xdr:rowOff>131255</xdr:rowOff>
    </xdr:to>
    <xdr:sp macro="" textlink="">
      <xdr:nvSpPr>
        <xdr:cNvPr id="412" name="フローチャート: 判断 411"/>
        <xdr:cNvSpPr/>
      </xdr:nvSpPr>
      <xdr:spPr>
        <a:xfrm>
          <a:off x="9588500" y="12888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22381</xdr:rowOff>
    </xdr:from>
    <xdr:ext cx="534377" cy="259045"/>
    <xdr:sp macro="" textlink="">
      <xdr:nvSpPr>
        <xdr:cNvPr id="413" name="テキスト ボックス 412"/>
        <xdr:cNvSpPr txBox="1"/>
      </xdr:nvSpPr>
      <xdr:spPr>
        <a:xfrm>
          <a:off x="9372111" y="12981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6370</xdr:rowOff>
    </xdr:from>
    <xdr:to>
      <xdr:col>45</xdr:col>
      <xdr:colOff>177800</xdr:colOff>
      <xdr:row>75</xdr:row>
      <xdr:rowOff>69520</xdr:rowOff>
    </xdr:to>
    <xdr:cxnSp macro="">
      <xdr:nvCxnSpPr>
        <xdr:cNvPr id="414" name="直線コネクタ 413"/>
        <xdr:cNvCxnSpPr/>
      </xdr:nvCxnSpPr>
      <xdr:spPr>
        <a:xfrm flipV="1">
          <a:off x="7861300" y="12875120"/>
          <a:ext cx="889000" cy="53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84861</xdr:rowOff>
    </xdr:from>
    <xdr:to>
      <xdr:col>46</xdr:col>
      <xdr:colOff>38100</xdr:colOff>
      <xdr:row>76</xdr:row>
      <xdr:rowOff>15011</xdr:rowOff>
    </xdr:to>
    <xdr:sp macro="" textlink="">
      <xdr:nvSpPr>
        <xdr:cNvPr id="415" name="フローチャート: 判断 414"/>
        <xdr:cNvSpPr/>
      </xdr:nvSpPr>
      <xdr:spPr>
        <a:xfrm>
          <a:off x="8699500" y="1294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6138</xdr:rowOff>
    </xdr:from>
    <xdr:ext cx="534377" cy="259045"/>
    <xdr:sp macro="" textlink="">
      <xdr:nvSpPr>
        <xdr:cNvPr id="416" name="テキスト ボックス 415"/>
        <xdr:cNvSpPr txBox="1"/>
      </xdr:nvSpPr>
      <xdr:spPr>
        <a:xfrm>
          <a:off x="8483111" y="13036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4</xdr:row>
      <xdr:rowOff>20751</xdr:rowOff>
    </xdr:from>
    <xdr:to>
      <xdr:col>41</xdr:col>
      <xdr:colOff>50800</xdr:colOff>
      <xdr:row>75</xdr:row>
      <xdr:rowOff>69520</xdr:rowOff>
    </xdr:to>
    <xdr:cxnSp macro="">
      <xdr:nvCxnSpPr>
        <xdr:cNvPr id="417" name="直線コネクタ 416"/>
        <xdr:cNvCxnSpPr/>
      </xdr:nvCxnSpPr>
      <xdr:spPr>
        <a:xfrm>
          <a:off x="6972300" y="12708051"/>
          <a:ext cx="889000" cy="220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59144</xdr:rowOff>
    </xdr:from>
    <xdr:to>
      <xdr:col>41</xdr:col>
      <xdr:colOff>101600</xdr:colOff>
      <xdr:row>74</xdr:row>
      <xdr:rowOff>160744</xdr:rowOff>
    </xdr:to>
    <xdr:sp macro="" textlink="">
      <xdr:nvSpPr>
        <xdr:cNvPr id="418" name="フローチャート: 判断 417"/>
        <xdr:cNvSpPr/>
      </xdr:nvSpPr>
      <xdr:spPr>
        <a:xfrm>
          <a:off x="7810500" y="12746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5821</xdr:rowOff>
    </xdr:from>
    <xdr:ext cx="534377" cy="259045"/>
    <xdr:sp macro="" textlink="">
      <xdr:nvSpPr>
        <xdr:cNvPr id="419" name="テキスト ボックス 418"/>
        <xdr:cNvSpPr txBox="1"/>
      </xdr:nvSpPr>
      <xdr:spPr>
        <a:xfrm>
          <a:off x="7594111" y="12521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27940</xdr:rowOff>
    </xdr:from>
    <xdr:to>
      <xdr:col>36</xdr:col>
      <xdr:colOff>165100</xdr:colOff>
      <xdr:row>74</xdr:row>
      <xdr:rowOff>129540</xdr:rowOff>
    </xdr:to>
    <xdr:sp macro="" textlink="">
      <xdr:nvSpPr>
        <xdr:cNvPr id="420" name="フローチャート: 判断 419"/>
        <xdr:cNvSpPr/>
      </xdr:nvSpPr>
      <xdr:spPr>
        <a:xfrm>
          <a:off x="6921500" y="12715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20667</xdr:rowOff>
    </xdr:from>
    <xdr:ext cx="534377" cy="259045"/>
    <xdr:sp macro="" textlink="">
      <xdr:nvSpPr>
        <xdr:cNvPr id="421" name="テキスト ボックス 420"/>
        <xdr:cNvSpPr txBox="1"/>
      </xdr:nvSpPr>
      <xdr:spPr>
        <a:xfrm>
          <a:off x="6705111" y="12807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2</xdr:row>
      <xdr:rowOff>19406</xdr:rowOff>
    </xdr:from>
    <xdr:to>
      <xdr:col>55</xdr:col>
      <xdr:colOff>50800</xdr:colOff>
      <xdr:row>72</xdr:row>
      <xdr:rowOff>121006</xdr:rowOff>
    </xdr:to>
    <xdr:sp macro="" textlink="">
      <xdr:nvSpPr>
        <xdr:cNvPr id="427" name="楕円 426"/>
        <xdr:cNvSpPr/>
      </xdr:nvSpPr>
      <xdr:spPr>
        <a:xfrm>
          <a:off x="10426700" y="1236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1</xdr:row>
      <xdr:rowOff>42283</xdr:rowOff>
    </xdr:from>
    <xdr:ext cx="534377" cy="259045"/>
    <xdr:sp macro="" textlink="">
      <xdr:nvSpPr>
        <xdr:cNvPr id="428" name="普通建設事業費 （ うち新規整備　）該当値テキスト"/>
        <xdr:cNvSpPr txBox="1"/>
      </xdr:nvSpPr>
      <xdr:spPr>
        <a:xfrm>
          <a:off x="10528300" y="12215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2</xdr:row>
      <xdr:rowOff>37846</xdr:rowOff>
    </xdr:from>
    <xdr:to>
      <xdr:col>50</xdr:col>
      <xdr:colOff>165100</xdr:colOff>
      <xdr:row>72</xdr:row>
      <xdr:rowOff>139446</xdr:rowOff>
    </xdr:to>
    <xdr:sp macro="" textlink="">
      <xdr:nvSpPr>
        <xdr:cNvPr id="429" name="楕円 428"/>
        <xdr:cNvSpPr/>
      </xdr:nvSpPr>
      <xdr:spPr>
        <a:xfrm>
          <a:off x="9588500" y="12382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0</xdr:row>
      <xdr:rowOff>155973</xdr:rowOff>
    </xdr:from>
    <xdr:ext cx="534377" cy="259045"/>
    <xdr:sp macro="" textlink="">
      <xdr:nvSpPr>
        <xdr:cNvPr id="430" name="テキスト ボックス 429"/>
        <xdr:cNvSpPr txBox="1"/>
      </xdr:nvSpPr>
      <xdr:spPr>
        <a:xfrm>
          <a:off x="9372111" y="12157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137020</xdr:rowOff>
    </xdr:from>
    <xdr:to>
      <xdr:col>46</xdr:col>
      <xdr:colOff>38100</xdr:colOff>
      <xdr:row>75</xdr:row>
      <xdr:rowOff>67170</xdr:rowOff>
    </xdr:to>
    <xdr:sp macro="" textlink="">
      <xdr:nvSpPr>
        <xdr:cNvPr id="431" name="楕円 430"/>
        <xdr:cNvSpPr/>
      </xdr:nvSpPr>
      <xdr:spPr>
        <a:xfrm>
          <a:off x="8699500" y="1282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83697</xdr:rowOff>
    </xdr:from>
    <xdr:ext cx="534377" cy="259045"/>
    <xdr:sp macro="" textlink="">
      <xdr:nvSpPr>
        <xdr:cNvPr id="432" name="テキスト ボックス 431"/>
        <xdr:cNvSpPr txBox="1"/>
      </xdr:nvSpPr>
      <xdr:spPr>
        <a:xfrm>
          <a:off x="8483111" y="12599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8720</xdr:rowOff>
    </xdr:from>
    <xdr:to>
      <xdr:col>41</xdr:col>
      <xdr:colOff>101600</xdr:colOff>
      <xdr:row>75</xdr:row>
      <xdr:rowOff>120320</xdr:rowOff>
    </xdr:to>
    <xdr:sp macro="" textlink="">
      <xdr:nvSpPr>
        <xdr:cNvPr id="433" name="楕円 432"/>
        <xdr:cNvSpPr/>
      </xdr:nvSpPr>
      <xdr:spPr>
        <a:xfrm>
          <a:off x="7810500" y="12877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11447</xdr:rowOff>
    </xdr:from>
    <xdr:ext cx="534377" cy="259045"/>
    <xdr:sp macro="" textlink="">
      <xdr:nvSpPr>
        <xdr:cNvPr id="434" name="テキスト ボックス 433"/>
        <xdr:cNvSpPr txBox="1"/>
      </xdr:nvSpPr>
      <xdr:spPr>
        <a:xfrm>
          <a:off x="7594111" y="12970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141401</xdr:rowOff>
    </xdr:from>
    <xdr:to>
      <xdr:col>36</xdr:col>
      <xdr:colOff>165100</xdr:colOff>
      <xdr:row>74</xdr:row>
      <xdr:rowOff>71551</xdr:rowOff>
    </xdr:to>
    <xdr:sp macro="" textlink="">
      <xdr:nvSpPr>
        <xdr:cNvPr id="435" name="楕円 434"/>
        <xdr:cNvSpPr/>
      </xdr:nvSpPr>
      <xdr:spPr>
        <a:xfrm>
          <a:off x="6921500" y="12657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88078</xdr:rowOff>
    </xdr:from>
    <xdr:ext cx="534377" cy="259045"/>
    <xdr:sp macro="" textlink="">
      <xdr:nvSpPr>
        <xdr:cNvPr id="436" name="テキスト ボックス 435"/>
        <xdr:cNvSpPr txBox="1"/>
      </xdr:nvSpPr>
      <xdr:spPr>
        <a:xfrm>
          <a:off x="6705111" y="12432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7" name="テキスト ボックス 446"/>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139700</xdr:rowOff>
    </xdr:from>
    <xdr:to>
      <xdr:col>59</xdr:col>
      <xdr:colOff>50800</xdr:colOff>
      <xdr:row>98</xdr:row>
      <xdr:rowOff>139700</xdr:rowOff>
    </xdr:to>
    <xdr:cxnSp macro="">
      <xdr:nvCxnSpPr>
        <xdr:cNvPr id="448" name="直線コネクタ 447"/>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168927</xdr:rowOff>
    </xdr:from>
    <xdr:ext cx="531299" cy="259045"/>
    <xdr:sp macro="" textlink="">
      <xdr:nvSpPr>
        <xdr:cNvPr id="449" name="テキスト ボックス 448"/>
        <xdr:cNvSpPr txBox="1"/>
      </xdr:nvSpPr>
      <xdr:spPr>
        <a:xfrm>
          <a:off x="6072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50" name="直線コネクタ 449"/>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51" name="テキスト ボックス 450"/>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2" name="直線コネクタ 451"/>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3" name="テキスト ボックス 452"/>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4" name="直線コネクタ 453"/>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5" name="テキスト ボックス 454"/>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7" name="テキスト ボックス 456"/>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49805</xdr:rowOff>
    </xdr:from>
    <xdr:to>
      <xdr:col>54</xdr:col>
      <xdr:colOff>189865</xdr:colOff>
      <xdr:row>97</xdr:row>
      <xdr:rowOff>73543</xdr:rowOff>
    </xdr:to>
    <xdr:cxnSp macro="">
      <xdr:nvCxnSpPr>
        <xdr:cNvPr id="459" name="直線コネクタ 458"/>
        <xdr:cNvCxnSpPr/>
      </xdr:nvCxnSpPr>
      <xdr:spPr>
        <a:xfrm flipV="1">
          <a:off x="10475595" y="15580305"/>
          <a:ext cx="1270" cy="1123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77370</xdr:rowOff>
    </xdr:from>
    <xdr:ext cx="534377" cy="259045"/>
    <xdr:sp macro="" textlink="">
      <xdr:nvSpPr>
        <xdr:cNvPr id="460" name="普通建設事業費 （ うち更新整備　）最小値テキスト"/>
        <xdr:cNvSpPr txBox="1"/>
      </xdr:nvSpPr>
      <xdr:spPr>
        <a:xfrm>
          <a:off x="10528300" y="16708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73543</xdr:rowOff>
    </xdr:from>
    <xdr:to>
      <xdr:col>55</xdr:col>
      <xdr:colOff>88900</xdr:colOff>
      <xdr:row>97</xdr:row>
      <xdr:rowOff>73543</xdr:rowOff>
    </xdr:to>
    <xdr:cxnSp macro="">
      <xdr:nvCxnSpPr>
        <xdr:cNvPr id="461" name="直線コネクタ 460"/>
        <xdr:cNvCxnSpPr/>
      </xdr:nvCxnSpPr>
      <xdr:spPr>
        <a:xfrm>
          <a:off x="10388600" y="167041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6482</xdr:rowOff>
    </xdr:from>
    <xdr:ext cx="534377" cy="259045"/>
    <xdr:sp macro="" textlink="">
      <xdr:nvSpPr>
        <xdr:cNvPr id="462" name="普通建設事業費 （ うち更新整備　）最大値テキスト"/>
        <xdr:cNvSpPr txBox="1"/>
      </xdr:nvSpPr>
      <xdr:spPr>
        <a:xfrm>
          <a:off x="10528300" y="15355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49805</xdr:rowOff>
    </xdr:from>
    <xdr:to>
      <xdr:col>55</xdr:col>
      <xdr:colOff>88900</xdr:colOff>
      <xdr:row>90</xdr:row>
      <xdr:rowOff>149805</xdr:rowOff>
    </xdr:to>
    <xdr:cxnSp macro="">
      <xdr:nvCxnSpPr>
        <xdr:cNvPr id="463" name="直線コネクタ 462"/>
        <xdr:cNvCxnSpPr/>
      </xdr:nvCxnSpPr>
      <xdr:spPr>
        <a:xfrm>
          <a:off x="10388600" y="15580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33482</xdr:rowOff>
    </xdr:from>
    <xdr:to>
      <xdr:col>55</xdr:col>
      <xdr:colOff>0</xdr:colOff>
      <xdr:row>95</xdr:row>
      <xdr:rowOff>88677</xdr:rowOff>
    </xdr:to>
    <xdr:cxnSp macro="">
      <xdr:nvCxnSpPr>
        <xdr:cNvPr id="464" name="直線コネクタ 463"/>
        <xdr:cNvCxnSpPr/>
      </xdr:nvCxnSpPr>
      <xdr:spPr>
        <a:xfrm>
          <a:off x="9639300" y="16249782"/>
          <a:ext cx="838200" cy="126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101170</xdr:rowOff>
    </xdr:from>
    <xdr:ext cx="534377" cy="259045"/>
    <xdr:sp macro="" textlink="">
      <xdr:nvSpPr>
        <xdr:cNvPr id="465" name="普通建設事業費 （ うち更新整備　）平均値テキスト"/>
        <xdr:cNvSpPr txBox="1"/>
      </xdr:nvSpPr>
      <xdr:spPr>
        <a:xfrm>
          <a:off x="10528300" y="160460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78293</xdr:rowOff>
    </xdr:from>
    <xdr:to>
      <xdr:col>55</xdr:col>
      <xdr:colOff>50800</xdr:colOff>
      <xdr:row>95</xdr:row>
      <xdr:rowOff>8443</xdr:rowOff>
    </xdr:to>
    <xdr:sp macro="" textlink="">
      <xdr:nvSpPr>
        <xdr:cNvPr id="466" name="フローチャート: 判断 465"/>
        <xdr:cNvSpPr/>
      </xdr:nvSpPr>
      <xdr:spPr>
        <a:xfrm>
          <a:off x="10426700" y="16194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33482</xdr:rowOff>
    </xdr:from>
    <xdr:to>
      <xdr:col>50</xdr:col>
      <xdr:colOff>114300</xdr:colOff>
      <xdr:row>95</xdr:row>
      <xdr:rowOff>44876</xdr:rowOff>
    </xdr:to>
    <xdr:cxnSp macro="">
      <xdr:nvCxnSpPr>
        <xdr:cNvPr id="467" name="直線コネクタ 466"/>
        <xdr:cNvCxnSpPr/>
      </xdr:nvCxnSpPr>
      <xdr:spPr>
        <a:xfrm flipV="1">
          <a:off x="8750300" y="16249782"/>
          <a:ext cx="889000" cy="82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58761</xdr:rowOff>
    </xdr:from>
    <xdr:to>
      <xdr:col>50</xdr:col>
      <xdr:colOff>165100</xdr:colOff>
      <xdr:row>95</xdr:row>
      <xdr:rowOff>88911</xdr:rowOff>
    </xdr:to>
    <xdr:sp macro="" textlink="">
      <xdr:nvSpPr>
        <xdr:cNvPr id="468" name="フローチャート: 判断 467"/>
        <xdr:cNvSpPr/>
      </xdr:nvSpPr>
      <xdr:spPr>
        <a:xfrm>
          <a:off x="9588500" y="162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0038</xdr:rowOff>
    </xdr:from>
    <xdr:ext cx="534377" cy="259045"/>
    <xdr:sp macro="" textlink="">
      <xdr:nvSpPr>
        <xdr:cNvPr id="469" name="テキスト ボックス 468"/>
        <xdr:cNvSpPr txBox="1"/>
      </xdr:nvSpPr>
      <xdr:spPr>
        <a:xfrm>
          <a:off x="9372111" y="16367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44876</xdr:rowOff>
    </xdr:from>
    <xdr:to>
      <xdr:col>45</xdr:col>
      <xdr:colOff>177800</xdr:colOff>
      <xdr:row>95</xdr:row>
      <xdr:rowOff>116839</xdr:rowOff>
    </xdr:to>
    <xdr:cxnSp macro="">
      <xdr:nvCxnSpPr>
        <xdr:cNvPr id="470" name="直線コネクタ 469"/>
        <xdr:cNvCxnSpPr/>
      </xdr:nvCxnSpPr>
      <xdr:spPr>
        <a:xfrm flipV="1">
          <a:off x="7861300" y="16332626"/>
          <a:ext cx="889000" cy="71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26857</xdr:rowOff>
    </xdr:from>
    <xdr:to>
      <xdr:col>46</xdr:col>
      <xdr:colOff>38100</xdr:colOff>
      <xdr:row>95</xdr:row>
      <xdr:rowOff>128457</xdr:rowOff>
    </xdr:to>
    <xdr:sp macro="" textlink="">
      <xdr:nvSpPr>
        <xdr:cNvPr id="471" name="フローチャート: 判断 470"/>
        <xdr:cNvSpPr/>
      </xdr:nvSpPr>
      <xdr:spPr>
        <a:xfrm>
          <a:off x="8699500" y="16314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9584</xdr:rowOff>
    </xdr:from>
    <xdr:ext cx="534377" cy="259045"/>
    <xdr:sp macro="" textlink="">
      <xdr:nvSpPr>
        <xdr:cNvPr id="472" name="テキスト ボックス 471"/>
        <xdr:cNvSpPr txBox="1"/>
      </xdr:nvSpPr>
      <xdr:spPr>
        <a:xfrm>
          <a:off x="8483111" y="16407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33082</xdr:rowOff>
    </xdr:from>
    <xdr:to>
      <xdr:col>41</xdr:col>
      <xdr:colOff>50800</xdr:colOff>
      <xdr:row>95</xdr:row>
      <xdr:rowOff>116839</xdr:rowOff>
    </xdr:to>
    <xdr:cxnSp macro="">
      <xdr:nvCxnSpPr>
        <xdr:cNvPr id="473" name="直線コネクタ 472"/>
        <xdr:cNvCxnSpPr/>
      </xdr:nvCxnSpPr>
      <xdr:spPr>
        <a:xfrm>
          <a:off x="6972300" y="16149382"/>
          <a:ext cx="889000" cy="255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38471</xdr:rowOff>
    </xdr:from>
    <xdr:to>
      <xdr:col>41</xdr:col>
      <xdr:colOff>101600</xdr:colOff>
      <xdr:row>96</xdr:row>
      <xdr:rowOff>140071</xdr:rowOff>
    </xdr:to>
    <xdr:sp macro="" textlink="">
      <xdr:nvSpPr>
        <xdr:cNvPr id="474" name="フローチャート: 判断 473"/>
        <xdr:cNvSpPr/>
      </xdr:nvSpPr>
      <xdr:spPr>
        <a:xfrm>
          <a:off x="7810500" y="1649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31198</xdr:rowOff>
    </xdr:from>
    <xdr:ext cx="534377" cy="259045"/>
    <xdr:sp macro="" textlink="">
      <xdr:nvSpPr>
        <xdr:cNvPr id="475" name="テキスト ボックス 474"/>
        <xdr:cNvSpPr txBox="1"/>
      </xdr:nvSpPr>
      <xdr:spPr>
        <a:xfrm>
          <a:off x="7594111" y="16590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24572</xdr:rowOff>
    </xdr:from>
    <xdr:to>
      <xdr:col>36</xdr:col>
      <xdr:colOff>165100</xdr:colOff>
      <xdr:row>96</xdr:row>
      <xdr:rowOff>126172</xdr:rowOff>
    </xdr:to>
    <xdr:sp macro="" textlink="">
      <xdr:nvSpPr>
        <xdr:cNvPr id="476" name="フローチャート: 判断 475"/>
        <xdr:cNvSpPr/>
      </xdr:nvSpPr>
      <xdr:spPr>
        <a:xfrm>
          <a:off x="6921500" y="16483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7299</xdr:rowOff>
    </xdr:from>
    <xdr:ext cx="534377" cy="259045"/>
    <xdr:sp macro="" textlink="">
      <xdr:nvSpPr>
        <xdr:cNvPr id="477" name="テキスト ボックス 476"/>
        <xdr:cNvSpPr txBox="1"/>
      </xdr:nvSpPr>
      <xdr:spPr>
        <a:xfrm>
          <a:off x="6705111" y="16576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37877</xdr:rowOff>
    </xdr:from>
    <xdr:to>
      <xdr:col>55</xdr:col>
      <xdr:colOff>50800</xdr:colOff>
      <xdr:row>95</xdr:row>
      <xdr:rowOff>139477</xdr:rowOff>
    </xdr:to>
    <xdr:sp macro="" textlink="">
      <xdr:nvSpPr>
        <xdr:cNvPr id="483" name="楕円 482"/>
        <xdr:cNvSpPr/>
      </xdr:nvSpPr>
      <xdr:spPr>
        <a:xfrm>
          <a:off x="10426700" y="16325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6304</xdr:rowOff>
    </xdr:from>
    <xdr:ext cx="534377" cy="259045"/>
    <xdr:sp macro="" textlink="">
      <xdr:nvSpPr>
        <xdr:cNvPr id="484" name="普通建設事業費 （ うち更新整備　）該当値テキスト"/>
        <xdr:cNvSpPr txBox="1"/>
      </xdr:nvSpPr>
      <xdr:spPr>
        <a:xfrm>
          <a:off x="10528300" y="16304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82682</xdr:rowOff>
    </xdr:from>
    <xdr:to>
      <xdr:col>50</xdr:col>
      <xdr:colOff>165100</xdr:colOff>
      <xdr:row>95</xdr:row>
      <xdr:rowOff>12832</xdr:rowOff>
    </xdr:to>
    <xdr:sp macro="" textlink="">
      <xdr:nvSpPr>
        <xdr:cNvPr id="485" name="楕円 484"/>
        <xdr:cNvSpPr/>
      </xdr:nvSpPr>
      <xdr:spPr>
        <a:xfrm>
          <a:off x="9588500" y="16198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29359</xdr:rowOff>
    </xdr:from>
    <xdr:ext cx="534377" cy="259045"/>
    <xdr:sp macro="" textlink="">
      <xdr:nvSpPr>
        <xdr:cNvPr id="486" name="テキスト ボックス 485"/>
        <xdr:cNvSpPr txBox="1"/>
      </xdr:nvSpPr>
      <xdr:spPr>
        <a:xfrm>
          <a:off x="9372111" y="15974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65526</xdr:rowOff>
    </xdr:from>
    <xdr:to>
      <xdr:col>46</xdr:col>
      <xdr:colOff>38100</xdr:colOff>
      <xdr:row>95</xdr:row>
      <xdr:rowOff>95676</xdr:rowOff>
    </xdr:to>
    <xdr:sp macro="" textlink="">
      <xdr:nvSpPr>
        <xdr:cNvPr id="487" name="楕円 486"/>
        <xdr:cNvSpPr/>
      </xdr:nvSpPr>
      <xdr:spPr>
        <a:xfrm>
          <a:off x="8699500" y="16281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12203</xdr:rowOff>
    </xdr:from>
    <xdr:ext cx="534377" cy="259045"/>
    <xdr:sp macro="" textlink="">
      <xdr:nvSpPr>
        <xdr:cNvPr id="488" name="テキスト ボックス 487"/>
        <xdr:cNvSpPr txBox="1"/>
      </xdr:nvSpPr>
      <xdr:spPr>
        <a:xfrm>
          <a:off x="8483111" y="16057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66039</xdr:rowOff>
    </xdr:from>
    <xdr:to>
      <xdr:col>41</xdr:col>
      <xdr:colOff>101600</xdr:colOff>
      <xdr:row>95</xdr:row>
      <xdr:rowOff>167639</xdr:rowOff>
    </xdr:to>
    <xdr:sp macro="" textlink="">
      <xdr:nvSpPr>
        <xdr:cNvPr id="489" name="楕円 488"/>
        <xdr:cNvSpPr/>
      </xdr:nvSpPr>
      <xdr:spPr>
        <a:xfrm>
          <a:off x="7810500" y="16353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2716</xdr:rowOff>
    </xdr:from>
    <xdr:ext cx="534377" cy="259045"/>
    <xdr:sp macro="" textlink="">
      <xdr:nvSpPr>
        <xdr:cNvPr id="490" name="テキスト ボックス 489"/>
        <xdr:cNvSpPr txBox="1"/>
      </xdr:nvSpPr>
      <xdr:spPr>
        <a:xfrm>
          <a:off x="7594111" y="16129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53732</xdr:rowOff>
    </xdr:from>
    <xdr:to>
      <xdr:col>36</xdr:col>
      <xdr:colOff>165100</xdr:colOff>
      <xdr:row>94</xdr:row>
      <xdr:rowOff>83882</xdr:rowOff>
    </xdr:to>
    <xdr:sp macro="" textlink="">
      <xdr:nvSpPr>
        <xdr:cNvPr id="491" name="楕円 490"/>
        <xdr:cNvSpPr/>
      </xdr:nvSpPr>
      <xdr:spPr>
        <a:xfrm>
          <a:off x="6921500" y="16098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100409</xdr:rowOff>
    </xdr:from>
    <xdr:ext cx="534377" cy="259045"/>
    <xdr:sp macro="" textlink="">
      <xdr:nvSpPr>
        <xdr:cNvPr id="492" name="テキスト ボックス 491"/>
        <xdr:cNvSpPr txBox="1"/>
      </xdr:nvSpPr>
      <xdr:spPr>
        <a:xfrm>
          <a:off x="6705111" y="15873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4" name="テキスト ボックス 503"/>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6" name="テキスト ボックス 505"/>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2" name="テキスト ボックス 511"/>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6794</xdr:rowOff>
    </xdr:from>
    <xdr:to>
      <xdr:col>85</xdr:col>
      <xdr:colOff>126364</xdr:colOff>
      <xdr:row>39</xdr:row>
      <xdr:rowOff>44450</xdr:rowOff>
    </xdr:to>
    <xdr:cxnSp macro="">
      <xdr:nvCxnSpPr>
        <xdr:cNvPr id="516" name="直線コネクタ 515"/>
        <xdr:cNvCxnSpPr/>
      </xdr:nvCxnSpPr>
      <xdr:spPr>
        <a:xfrm flipV="1">
          <a:off x="16317595" y="5371744"/>
          <a:ext cx="1269" cy="13592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7"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8" name="直線コネクタ 517"/>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3471</xdr:rowOff>
    </xdr:from>
    <xdr:ext cx="534377" cy="259045"/>
    <xdr:sp macro="" textlink="">
      <xdr:nvSpPr>
        <xdr:cNvPr id="519" name="災害復旧事業費最大値テキスト"/>
        <xdr:cNvSpPr txBox="1"/>
      </xdr:nvSpPr>
      <xdr:spPr>
        <a:xfrm>
          <a:off x="16370300" y="5146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56794</xdr:rowOff>
    </xdr:from>
    <xdr:to>
      <xdr:col>86</xdr:col>
      <xdr:colOff>25400</xdr:colOff>
      <xdr:row>31</xdr:row>
      <xdr:rowOff>56794</xdr:rowOff>
    </xdr:to>
    <xdr:cxnSp macro="">
      <xdr:nvCxnSpPr>
        <xdr:cNvPr id="520" name="直線コネクタ 519"/>
        <xdr:cNvCxnSpPr/>
      </xdr:nvCxnSpPr>
      <xdr:spPr>
        <a:xfrm>
          <a:off x="16230600" y="5371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4468</xdr:rowOff>
    </xdr:from>
    <xdr:to>
      <xdr:col>85</xdr:col>
      <xdr:colOff>127000</xdr:colOff>
      <xdr:row>39</xdr:row>
      <xdr:rowOff>44450</xdr:rowOff>
    </xdr:to>
    <xdr:cxnSp macro="">
      <xdr:nvCxnSpPr>
        <xdr:cNvPr id="521" name="直線コネクタ 520"/>
        <xdr:cNvCxnSpPr/>
      </xdr:nvCxnSpPr>
      <xdr:spPr>
        <a:xfrm>
          <a:off x="15481300" y="6721018"/>
          <a:ext cx="838200" cy="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7640</xdr:rowOff>
    </xdr:from>
    <xdr:ext cx="469744" cy="259045"/>
    <xdr:sp macro="" textlink="">
      <xdr:nvSpPr>
        <xdr:cNvPr id="522" name="災害復旧事業費平均値テキスト"/>
        <xdr:cNvSpPr txBox="1"/>
      </xdr:nvSpPr>
      <xdr:spPr>
        <a:xfrm>
          <a:off x="16370300" y="64212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4763</xdr:rowOff>
    </xdr:from>
    <xdr:to>
      <xdr:col>85</xdr:col>
      <xdr:colOff>177800</xdr:colOff>
      <xdr:row>38</xdr:row>
      <xdr:rowOff>156363</xdr:rowOff>
    </xdr:to>
    <xdr:sp macro="" textlink="">
      <xdr:nvSpPr>
        <xdr:cNvPr id="523" name="フローチャート: 判断 522"/>
        <xdr:cNvSpPr/>
      </xdr:nvSpPr>
      <xdr:spPr>
        <a:xfrm>
          <a:off x="16268700" y="6569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4468</xdr:rowOff>
    </xdr:from>
    <xdr:to>
      <xdr:col>81</xdr:col>
      <xdr:colOff>50800</xdr:colOff>
      <xdr:row>39</xdr:row>
      <xdr:rowOff>39878</xdr:rowOff>
    </xdr:to>
    <xdr:cxnSp macro="">
      <xdr:nvCxnSpPr>
        <xdr:cNvPr id="524" name="直線コネクタ 523"/>
        <xdr:cNvCxnSpPr/>
      </xdr:nvCxnSpPr>
      <xdr:spPr>
        <a:xfrm flipV="1">
          <a:off x="14592300" y="6721018"/>
          <a:ext cx="889000" cy="5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03150</xdr:rowOff>
    </xdr:from>
    <xdr:to>
      <xdr:col>81</xdr:col>
      <xdr:colOff>101600</xdr:colOff>
      <xdr:row>39</xdr:row>
      <xdr:rowOff>33300</xdr:rowOff>
    </xdr:to>
    <xdr:sp macro="" textlink="">
      <xdr:nvSpPr>
        <xdr:cNvPr id="525" name="フローチャート: 判断 524"/>
        <xdr:cNvSpPr/>
      </xdr:nvSpPr>
      <xdr:spPr>
        <a:xfrm>
          <a:off x="15430500" y="661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49827</xdr:rowOff>
    </xdr:from>
    <xdr:ext cx="378565" cy="259045"/>
    <xdr:sp macro="" textlink="">
      <xdr:nvSpPr>
        <xdr:cNvPr id="526" name="テキスト ボックス 525"/>
        <xdr:cNvSpPr txBox="1"/>
      </xdr:nvSpPr>
      <xdr:spPr>
        <a:xfrm>
          <a:off x="15292017" y="63934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2334</xdr:rowOff>
    </xdr:from>
    <xdr:to>
      <xdr:col>76</xdr:col>
      <xdr:colOff>114300</xdr:colOff>
      <xdr:row>39</xdr:row>
      <xdr:rowOff>39878</xdr:rowOff>
    </xdr:to>
    <xdr:cxnSp macro="">
      <xdr:nvCxnSpPr>
        <xdr:cNvPr id="527" name="直線コネクタ 526"/>
        <xdr:cNvCxnSpPr/>
      </xdr:nvCxnSpPr>
      <xdr:spPr>
        <a:xfrm>
          <a:off x="13703300" y="6718884"/>
          <a:ext cx="889000" cy="7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03454</xdr:rowOff>
    </xdr:from>
    <xdr:to>
      <xdr:col>76</xdr:col>
      <xdr:colOff>165100</xdr:colOff>
      <xdr:row>39</xdr:row>
      <xdr:rowOff>33604</xdr:rowOff>
    </xdr:to>
    <xdr:sp macro="" textlink="">
      <xdr:nvSpPr>
        <xdr:cNvPr id="528" name="フローチャート: 判断 527"/>
        <xdr:cNvSpPr/>
      </xdr:nvSpPr>
      <xdr:spPr>
        <a:xfrm>
          <a:off x="14541500" y="6618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50131</xdr:rowOff>
    </xdr:from>
    <xdr:ext cx="378565" cy="259045"/>
    <xdr:sp macro="" textlink="">
      <xdr:nvSpPr>
        <xdr:cNvPr id="529" name="テキスト ボックス 528"/>
        <xdr:cNvSpPr txBox="1"/>
      </xdr:nvSpPr>
      <xdr:spPr>
        <a:xfrm>
          <a:off x="14403017" y="6393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2334</xdr:rowOff>
    </xdr:from>
    <xdr:to>
      <xdr:col>71</xdr:col>
      <xdr:colOff>177800</xdr:colOff>
      <xdr:row>39</xdr:row>
      <xdr:rowOff>39039</xdr:rowOff>
    </xdr:to>
    <xdr:cxnSp macro="">
      <xdr:nvCxnSpPr>
        <xdr:cNvPr id="530" name="直線コネクタ 529"/>
        <xdr:cNvCxnSpPr/>
      </xdr:nvCxnSpPr>
      <xdr:spPr>
        <a:xfrm flipV="1">
          <a:off x="12814300" y="6718884"/>
          <a:ext cx="889000" cy="6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0218</xdr:rowOff>
    </xdr:from>
    <xdr:to>
      <xdr:col>72</xdr:col>
      <xdr:colOff>38100</xdr:colOff>
      <xdr:row>39</xdr:row>
      <xdr:rowOff>50368</xdr:rowOff>
    </xdr:to>
    <xdr:sp macro="" textlink="">
      <xdr:nvSpPr>
        <xdr:cNvPr id="531" name="フローチャート: 判断 530"/>
        <xdr:cNvSpPr/>
      </xdr:nvSpPr>
      <xdr:spPr>
        <a:xfrm>
          <a:off x="13652500" y="6635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66895</xdr:rowOff>
    </xdr:from>
    <xdr:ext cx="378565" cy="259045"/>
    <xdr:sp macro="" textlink="">
      <xdr:nvSpPr>
        <xdr:cNvPr id="532" name="テキスト ボックス 531"/>
        <xdr:cNvSpPr txBox="1"/>
      </xdr:nvSpPr>
      <xdr:spPr>
        <a:xfrm>
          <a:off x="13514017" y="64105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1760</xdr:rowOff>
    </xdr:from>
    <xdr:to>
      <xdr:col>67</xdr:col>
      <xdr:colOff>101600</xdr:colOff>
      <xdr:row>39</xdr:row>
      <xdr:rowOff>41910</xdr:rowOff>
    </xdr:to>
    <xdr:sp macro="" textlink="">
      <xdr:nvSpPr>
        <xdr:cNvPr id="533" name="フローチャート: 判断 532"/>
        <xdr:cNvSpPr/>
      </xdr:nvSpPr>
      <xdr:spPr>
        <a:xfrm>
          <a:off x="12763500" y="6626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58437</xdr:rowOff>
    </xdr:from>
    <xdr:ext cx="378565" cy="259045"/>
    <xdr:sp macro="" textlink="">
      <xdr:nvSpPr>
        <xdr:cNvPr id="534" name="テキスト ボックス 533"/>
        <xdr:cNvSpPr txBox="1"/>
      </xdr:nvSpPr>
      <xdr:spPr>
        <a:xfrm>
          <a:off x="12625017" y="64020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40" name="楕円 539"/>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41"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5118</xdr:rowOff>
    </xdr:from>
    <xdr:to>
      <xdr:col>81</xdr:col>
      <xdr:colOff>101600</xdr:colOff>
      <xdr:row>39</xdr:row>
      <xdr:rowOff>85268</xdr:rowOff>
    </xdr:to>
    <xdr:sp macro="" textlink="">
      <xdr:nvSpPr>
        <xdr:cNvPr id="542" name="楕円 541"/>
        <xdr:cNvSpPr/>
      </xdr:nvSpPr>
      <xdr:spPr>
        <a:xfrm>
          <a:off x="15430500" y="6670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76395</xdr:rowOff>
    </xdr:from>
    <xdr:ext cx="378565" cy="259045"/>
    <xdr:sp macro="" textlink="">
      <xdr:nvSpPr>
        <xdr:cNvPr id="543" name="テキスト ボックス 542"/>
        <xdr:cNvSpPr txBox="1"/>
      </xdr:nvSpPr>
      <xdr:spPr>
        <a:xfrm>
          <a:off x="15292017" y="6762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0528</xdr:rowOff>
    </xdr:from>
    <xdr:to>
      <xdr:col>76</xdr:col>
      <xdr:colOff>165100</xdr:colOff>
      <xdr:row>39</xdr:row>
      <xdr:rowOff>90678</xdr:rowOff>
    </xdr:to>
    <xdr:sp macro="" textlink="">
      <xdr:nvSpPr>
        <xdr:cNvPr id="544" name="楕円 543"/>
        <xdr:cNvSpPr/>
      </xdr:nvSpPr>
      <xdr:spPr>
        <a:xfrm>
          <a:off x="14541500" y="6675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81805</xdr:rowOff>
    </xdr:from>
    <xdr:ext cx="313932" cy="259045"/>
    <xdr:sp macro="" textlink="">
      <xdr:nvSpPr>
        <xdr:cNvPr id="545" name="テキスト ボックス 544"/>
        <xdr:cNvSpPr txBox="1"/>
      </xdr:nvSpPr>
      <xdr:spPr>
        <a:xfrm>
          <a:off x="14435333" y="67683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2984</xdr:rowOff>
    </xdr:from>
    <xdr:to>
      <xdr:col>72</xdr:col>
      <xdr:colOff>38100</xdr:colOff>
      <xdr:row>39</xdr:row>
      <xdr:rowOff>83134</xdr:rowOff>
    </xdr:to>
    <xdr:sp macro="" textlink="">
      <xdr:nvSpPr>
        <xdr:cNvPr id="546" name="楕円 545"/>
        <xdr:cNvSpPr/>
      </xdr:nvSpPr>
      <xdr:spPr>
        <a:xfrm>
          <a:off x="13652500" y="6668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74261</xdr:rowOff>
    </xdr:from>
    <xdr:ext cx="378565" cy="259045"/>
    <xdr:sp macro="" textlink="">
      <xdr:nvSpPr>
        <xdr:cNvPr id="547" name="テキスト ボックス 546"/>
        <xdr:cNvSpPr txBox="1"/>
      </xdr:nvSpPr>
      <xdr:spPr>
        <a:xfrm>
          <a:off x="13514017" y="6760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9689</xdr:rowOff>
    </xdr:from>
    <xdr:to>
      <xdr:col>67</xdr:col>
      <xdr:colOff>101600</xdr:colOff>
      <xdr:row>39</xdr:row>
      <xdr:rowOff>89839</xdr:rowOff>
    </xdr:to>
    <xdr:sp macro="" textlink="">
      <xdr:nvSpPr>
        <xdr:cNvPr id="548" name="楕円 547"/>
        <xdr:cNvSpPr/>
      </xdr:nvSpPr>
      <xdr:spPr>
        <a:xfrm>
          <a:off x="12763500" y="6674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80966</xdr:rowOff>
    </xdr:from>
    <xdr:ext cx="313932" cy="259045"/>
    <xdr:sp macro="" textlink="">
      <xdr:nvSpPr>
        <xdr:cNvPr id="549" name="テキスト ボックス 548"/>
        <xdr:cNvSpPr txBox="1"/>
      </xdr:nvSpPr>
      <xdr:spPr>
        <a:xfrm>
          <a:off x="12657333" y="676751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1" name="テキスト ボックス 560"/>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3" name="テキスト ボックス 562"/>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5" name="直線コネクタ 564"/>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6"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8"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0" name="直線コネクタ 569"/>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1"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2" name="フローチャート: 判断 571"/>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3" name="直線コネクタ 572"/>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4" name="フローチャート: 判断 573"/>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5" name="テキスト ボックス 574"/>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6" name="直線コネクタ 575"/>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7" name="フローチャート: 判断 576"/>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8" name="テキスト ボックス 577"/>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9" name="直線コネクタ 578"/>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0" name="フローチャート: 判断 579"/>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1" name="テキスト ボックス 580"/>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2" name="フローチャート: 判断 581"/>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3" name="テキスト ボックス 582"/>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9" name="楕円 588"/>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0"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1" name="楕円 590"/>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2" name="テキスト ボックス 591"/>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3" name="楕円 592"/>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4" name="テキスト ボックス 593"/>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5" name="楕円 594"/>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6" name="テキスト ボックス 595"/>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7" name="楕円 596"/>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8" name="テキスト ボックス 597"/>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0</xdr:row>
      <xdr:rowOff>111777</xdr:rowOff>
    </xdr:from>
    <xdr:ext cx="531299" cy="259045"/>
    <xdr:sp macro="" textlink="">
      <xdr:nvSpPr>
        <xdr:cNvPr id="609" name="テキスト ボックス 608"/>
        <xdr:cNvSpPr txBox="1"/>
      </xdr:nvSpPr>
      <xdr:spPr>
        <a:xfrm>
          <a:off x="11914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44450</xdr:rowOff>
    </xdr:from>
    <xdr:to>
      <xdr:col>89</xdr:col>
      <xdr:colOff>177800</xdr:colOff>
      <xdr:row>79</xdr:row>
      <xdr:rowOff>44450</xdr:rowOff>
    </xdr:to>
    <xdr:cxnSp macro="">
      <xdr:nvCxnSpPr>
        <xdr:cNvPr id="610" name="直線コネクタ 609"/>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73677</xdr:rowOff>
    </xdr:from>
    <xdr:ext cx="531299" cy="259045"/>
    <xdr:sp macro="" textlink="">
      <xdr:nvSpPr>
        <xdr:cNvPr id="611" name="テキスト ボックス 610"/>
        <xdr:cNvSpPr txBox="1"/>
      </xdr:nvSpPr>
      <xdr:spPr>
        <a:xfrm>
          <a:off x="11914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2" name="直線コネクタ 611"/>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3" name="テキスト ボックス 612"/>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5" name="テキスト ボックス 614"/>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6" name="直線コネクタ 615"/>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7" name="テキスト ボックス 616"/>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8" name="直線コネクタ 617"/>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9" name="テキスト ボックス 618"/>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26918</xdr:rowOff>
    </xdr:from>
    <xdr:to>
      <xdr:col>85</xdr:col>
      <xdr:colOff>126364</xdr:colOff>
      <xdr:row>79</xdr:row>
      <xdr:rowOff>131147</xdr:rowOff>
    </xdr:to>
    <xdr:cxnSp macro="">
      <xdr:nvCxnSpPr>
        <xdr:cNvPr id="623" name="直線コネクタ 622"/>
        <xdr:cNvCxnSpPr/>
      </xdr:nvCxnSpPr>
      <xdr:spPr>
        <a:xfrm flipV="1">
          <a:off x="16317595" y="12299868"/>
          <a:ext cx="1269" cy="13758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34974</xdr:rowOff>
    </xdr:from>
    <xdr:ext cx="534377" cy="259045"/>
    <xdr:sp macro="" textlink="">
      <xdr:nvSpPr>
        <xdr:cNvPr id="624" name="公債費最小値テキスト"/>
        <xdr:cNvSpPr txBox="1"/>
      </xdr:nvSpPr>
      <xdr:spPr>
        <a:xfrm>
          <a:off x="16370300" y="1367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31147</xdr:rowOff>
    </xdr:from>
    <xdr:to>
      <xdr:col>86</xdr:col>
      <xdr:colOff>25400</xdr:colOff>
      <xdr:row>79</xdr:row>
      <xdr:rowOff>131147</xdr:rowOff>
    </xdr:to>
    <xdr:cxnSp macro="">
      <xdr:nvCxnSpPr>
        <xdr:cNvPr id="625" name="直線コネクタ 624"/>
        <xdr:cNvCxnSpPr/>
      </xdr:nvCxnSpPr>
      <xdr:spPr>
        <a:xfrm>
          <a:off x="16230600" y="13675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73595</xdr:rowOff>
    </xdr:from>
    <xdr:ext cx="599010" cy="259045"/>
    <xdr:sp macro="" textlink="">
      <xdr:nvSpPr>
        <xdr:cNvPr id="626" name="公債費最大値テキスト"/>
        <xdr:cNvSpPr txBox="1"/>
      </xdr:nvSpPr>
      <xdr:spPr>
        <a:xfrm>
          <a:off x="16370300" y="120750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26918</xdr:rowOff>
    </xdr:from>
    <xdr:to>
      <xdr:col>86</xdr:col>
      <xdr:colOff>25400</xdr:colOff>
      <xdr:row>71</xdr:row>
      <xdr:rowOff>126918</xdr:rowOff>
    </xdr:to>
    <xdr:cxnSp macro="">
      <xdr:nvCxnSpPr>
        <xdr:cNvPr id="627" name="直線コネクタ 626"/>
        <xdr:cNvCxnSpPr/>
      </xdr:nvCxnSpPr>
      <xdr:spPr>
        <a:xfrm>
          <a:off x="16230600" y="12299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54336</xdr:rowOff>
    </xdr:from>
    <xdr:to>
      <xdr:col>85</xdr:col>
      <xdr:colOff>127000</xdr:colOff>
      <xdr:row>78</xdr:row>
      <xdr:rowOff>61347</xdr:rowOff>
    </xdr:to>
    <xdr:cxnSp macro="">
      <xdr:nvCxnSpPr>
        <xdr:cNvPr id="628" name="直線コネクタ 627"/>
        <xdr:cNvCxnSpPr/>
      </xdr:nvCxnSpPr>
      <xdr:spPr>
        <a:xfrm flipV="1">
          <a:off x="15481300" y="13427436"/>
          <a:ext cx="838200" cy="7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5783</xdr:rowOff>
    </xdr:from>
    <xdr:ext cx="534377" cy="259045"/>
    <xdr:sp macro="" textlink="">
      <xdr:nvSpPr>
        <xdr:cNvPr id="629" name="公債費平均値テキスト"/>
        <xdr:cNvSpPr txBox="1"/>
      </xdr:nvSpPr>
      <xdr:spPr>
        <a:xfrm>
          <a:off x="16370300" y="130359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4356</xdr:rowOff>
    </xdr:from>
    <xdr:to>
      <xdr:col>85</xdr:col>
      <xdr:colOff>177800</xdr:colOff>
      <xdr:row>77</xdr:row>
      <xdr:rowOff>84506</xdr:rowOff>
    </xdr:to>
    <xdr:sp macro="" textlink="">
      <xdr:nvSpPr>
        <xdr:cNvPr id="630" name="フローチャート: 判断 629"/>
        <xdr:cNvSpPr/>
      </xdr:nvSpPr>
      <xdr:spPr>
        <a:xfrm>
          <a:off x="16268700" y="13184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37801</xdr:rowOff>
    </xdr:from>
    <xdr:to>
      <xdr:col>81</xdr:col>
      <xdr:colOff>50800</xdr:colOff>
      <xdr:row>78</xdr:row>
      <xdr:rowOff>61347</xdr:rowOff>
    </xdr:to>
    <xdr:cxnSp macro="">
      <xdr:nvCxnSpPr>
        <xdr:cNvPr id="631" name="直線コネクタ 630"/>
        <xdr:cNvCxnSpPr/>
      </xdr:nvCxnSpPr>
      <xdr:spPr>
        <a:xfrm>
          <a:off x="14592300" y="13410901"/>
          <a:ext cx="889000" cy="23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65328</xdr:rowOff>
    </xdr:from>
    <xdr:to>
      <xdr:col>81</xdr:col>
      <xdr:colOff>101600</xdr:colOff>
      <xdr:row>77</xdr:row>
      <xdr:rowOff>95478</xdr:rowOff>
    </xdr:to>
    <xdr:sp macro="" textlink="">
      <xdr:nvSpPr>
        <xdr:cNvPr id="632" name="フローチャート: 判断 631"/>
        <xdr:cNvSpPr/>
      </xdr:nvSpPr>
      <xdr:spPr>
        <a:xfrm>
          <a:off x="15430500" y="13195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12005</xdr:rowOff>
    </xdr:from>
    <xdr:ext cx="534377" cy="259045"/>
    <xdr:sp macro="" textlink="">
      <xdr:nvSpPr>
        <xdr:cNvPr id="633" name="テキスト ボックス 632"/>
        <xdr:cNvSpPr txBox="1"/>
      </xdr:nvSpPr>
      <xdr:spPr>
        <a:xfrm>
          <a:off x="15214111" y="12970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37801</xdr:rowOff>
    </xdr:from>
    <xdr:to>
      <xdr:col>76</xdr:col>
      <xdr:colOff>114300</xdr:colOff>
      <xdr:row>78</xdr:row>
      <xdr:rowOff>55899</xdr:rowOff>
    </xdr:to>
    <xdr:cxnSp macro="">
      <xdr:nvCxnSpPr>
        <xdr:cNvPr id="634" name="直線コネクタ 633"/>
        <xdr:cNvCxnSpPr/>
      </xdr:nvCxnSpPr>
      <xdr:spPr>
        <a:xfrm flipV="1">
          <a:off x="13703300" y="13410901"/>
          <a:ext cx="889000" cy="18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53079</xdr:rowOff>
    </xdr:from>
    <xdr:to>
      <xdr:col>76</xdr:col>
      <xdr:colOff>165100</xdr:colOff>
      <xdr:row>77</xdr:row>
      <xdr:rowOff>83229</xdr:rowOff>
    </xdr:to>
    <xdr:sp macro="" textlink="">
      <xdr:nvSpPr>
        <xdr:cNvPr id="635" name="フローチャート: 判断 634"/>
        <xdr:cNvSpPr/>
      </xdr:nvSpPr>
      <xdr:spPr>
        <a:xfrm>
          <a:off x="14541500" y="13183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99757</xdr:rowOff>
    </xdr:from>
    <xdr:ext cx="534377" cy="259045"/>
    <xdr:sp macro="" textlink="">
      <xdr:nvSpPr>
        <xdr:cNvPr id="636" name="テキスト ボックス 635"/>
        <xdr:cNvSpPr txBox="1"/>
      </xdr:nvSpPr>
      <xdr:spPr>
        <a:xfrm>
          <a:off x="14325111" y="12958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55899</xdr:rowOff>
    </xdr:from>
    <xdr:to>
      <xdr:col>71</xdr:col>
      <xdr:colOff>177800</xdr:colOff>
      <xdr:row>78</xdr:row>
      <xdr:rowOff>58089</xdr:rowOff>
    </xdr:to>
    <xdr:cxnSp macro="">
      <xdr:nvCxnSpPr>
        <xdr:cNvPr id="637" name="直線コネクタ 636"/>
        <xdr:cNvCxnSpPr/>
      </xdr:nvCxnSpPr>
      <xdr:spPr>
        <a:xfrm flipV="1">
          <a:off x="12814300" y="13428999"/>
          <a:ext cx="889000" cy="2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42563</xdr:rowOff>
    </xdr:from>
    <xdr:to>
      <xdr:col>72</xdr:col>
      <xdr:colOff>38100</xdr:colOff>
      <xdr:row>77</xdr:row>
      <xdr:rowOff>72713</xdr:rowOff>
    </xdr:to>
    <xdr:sp macro="" textlink="">
      <xdr:nvSpPr>
        <xdr:cNvPr id="638" name="フローチャート: 判断 637"/>
        <xdr:cNvSpPr/>
      </xdr:nvSpPr>
      <xdr:spPr>
        <a:xfrm>
          <a:off x="13652500" y="13172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89241</xdr:rowOff>
    </xdr:from>
    <xdr:ext cx="534377" cy="259045"/>
    <xdr:sp macro="" textlink="">
      <xdr:nvSpPr>
        <xdr:cNvPr id="639" name="テキスト ボックス 638"/>
        <xdr:cNvSpPr txBox="1"/>
      </xdr:nvSpPr>
      <xdr:spPr>
        <a:xfrm>
          <a:off x="13436111" y="12947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49098</xdr:rowOff>
    </xdr:from>
    <xdr:to>
      <xdr:col>67</xdr:col>
      <xdr:colOff>101600</xdr:colOff>
      <xdr:row>77</xdr:row>
      <xdr:rowOff>79248</xdr:rowOff>
    </xdr:to>
    <xdr:sp macro="" textlink="">
      <xdr:nvSpPr>
        <xdr:cNvPr id="640" name="フローチャート: 判断 639"/>
        <xdr:cNvSpPr/>
      </xdr:nvSpPr>
      <xdr:spPr>
        <a:xfrm>
          <a:off x="12763500" y="13179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95775</xdr:rowOff>
    </xdr:from>
    <xdr:ext cx="534377" cy="259045"/>
    <xdr:sp macro="" textlink="">
      <xdr:nvSpPr>
        <xdr:cNvPr id="641" name="テキスト ボックス 640"/>
        <xdr:cNvSpPr txBox="1"/>
      </xdr:nvSpPr>
      <xdr:spPr>
        <a:xfrm>
          <a:off x="12547111" y="12954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536</xdr:rowOff>
    </xdr:from>
    <xdr:to>
      <xdr:col>85</xdr:col>
      <xdr:colOff>177800</xdr:colOff>
      <xdr:row>78</xdr:row>
      <xdr:rowOff>105136</xdr:rowOff>
    </xdr:to>
    <xdr:sp macro="" textlink="">
      <xdr:nvSpPr>
        <xdr:cNvPr id="647" name="楕円 646"/>
        <xdr:cNvSpPr/>
      </xdr:nvSpPr>
      <xdr:spPr>
        <a:xfrm>
          <a:off x="16268700" y="13376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53413</xdr:rowOff>
    </xdr:from>
    <xdr:ext cx="534377" cy="259045"/>
    <xdr:sp macro="" textlink="">
      <xdr:nvSpPr>
        <xdr:cNvPr id="648" name="公債費該当値テキスト"/>
        <xdr:cNvSpPr txBox="1"/>
      </xdr:nvSpPr>
      <xdr:spPr>
        <a:xfrm>
          <a:off x="16370300" y="1335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0547</xdr:rowOff>
    </xdr:from>
    <xdr:to>
      <xdr:col>81</xdr:col>
      <xdr:colOff>101600</xdr:colOff>
      <xdr:row>78</xdr:row>
      <xdr:rowOff>112147</xdr:rowOff>
    </xdr:to>
    <xdr:sp macro="" textlink="">
      <xdr:nvSpPr>
        <xdr:cNvPr id="649" name="楕円 648"/>
        <xdr:cNvSpPr/>
      </xdr:nvSpPr>
      <xdr:spPr>
        <a:xfrm>
          <a:off x="15430500" y="13383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03274</xdr:rowOff>
    </xdr:from>
    <xdr:ext cx="534377" cy="259045"/>
    <xdr:sp macro="" textlink="">
      <xdr:nvSpPr>
        <xdr:cNvPr id="650" name="テキスト ボックス 649"/>
        <xdr:cNvSpPr txBox="1"/>
      </xdr:nvSpPr>
      <xdr:spPr>
        <a:xfrm>
          <a:off x="15214111" y="13476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58451</xdr:rowOff>
    </xdr:from>
    <xdr:to>
      <xdr:col>76</xdr:col>
      <xdr:colOff>165100</xdr:colOff>
      <xdr:row>78</xdr:row>
      <xdr:rowOff>88601</xdr:rowOff>
    </xdr:to>
    <xdr:sp macro="" textlink="">
      <xdr:nvSpPr>
        <xdr:cNvPr id="651" name="楕円 650"/>
        <xdr:cNvSpPr/>
      </xdr:nvSpPr>
      <xdr:spPr>
        <a:xfrm>
          <a:off x="14541500" y="13360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79728</xdr:rowOff>
    </xdr:from>
    <xdr:ext cx="534377" cy="259045"/>
    <xdr:sp macro="" textlink="">
      <xdr:nvSpPr>
        <xdr:cNvPr id="652" name="テキスト ボックス 651"/>
        <xdr:cNvSpPr txBox="1"/>
      </xdr:nvSpPr>
      <xdr:spPr>
        <a:xfrm>
          <a:off x="14325111" y="13452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5099</xdr:rowOff>
    </xdr:from>
    <xdr:to>
      <xdr:col>72</xdr:col>
      <xdr:colOff>38100</xdr:colOff>
      <xdr:row>78</xdr:row>
      <xdr:rowOff>106699</xdr:rowOff>
    </xdr:to>
    <xdr:sp macro="" textlink="">
      <xdr:nvSpPr>
        <xdr:cNvPr id="653" name="楕円 652"/>
        <xdr:cNvSpPr/>
      </xdr:nvSpPr>
      <xdr:spPr>
        <a:xfrm>
          <a:off x="13652500" y="13378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97826</xdr:rowOff>
    </xdr:from>
    <xdr:ext cx="534377" cy="259045"/>
    <xdr:sp macro="" textlink="">
      <xdr:nvSpPr>
        <xdr:cNvPr id="654" name="テキスト ボックス 653"/>
        <xdr:cNvSpPr txBox="1"/>
      </xdr:nvSpPr>
      <xdr:spPr>
        <a:xfrm>
          <a:off x="13436111" y="13470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289</xdr:rowOff>
    </xdr:from>
    <xdr:to>
      <xdr:col>67</xdr:col>
      <xdr:colOff>101600</xdr:colOff>
      <xdr:row>78</xdr:row>
      <xdr:rowOff>108889</xdr:rowOff>
    </xdr:to>
    <xdr:sp macro="" textlink="">
      <xdr:nvSpPr>
        <xdr:cNvPr id="655" name="楕円 654"/>
        <xdr:cNvSpPr/>
      </xdr:nvSpPr>
      <xdr:spPr>
        <a:xfrm>
          <a:off x="12763500" y="13380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00016</xdr:rowOff>
    </xdr:from>
    <xdr:ext cx="534377" cy="259045"/>
    <xdr:sp macro="" textlink="">
      <xdr:nvSpPr>
        <xdr:cNvPr id="656" name="テキスト ボックス 655"/>
        <xdr:cNvSpPr txBox="1"/>
      </xdr:nvSpPr>
      <xdr:spPr>
        <a:xfrm>
          <a:off x="12547111" y="13473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7" name="直線コネクタ 66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8" name="テキスト ボックス 667"/>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9" name="直線コネクタ 66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70" name="テキスト ボックス 669"/>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3</xdr:row>
      <xdr:rowOff>168927</xdr:rowOff>
    </xdr:from>
    <xdr:ext cx="467179" cy="259045"/>
    <xdr:sp macro="" textlink="">
      <xdr:nvSpPr>
        <xdr:cNvPr id="672" name="テキスト ボックス 671"/>
        <xdr:cNvSpPr txBox="1"/>
      </xdr:nvSpPr>
      <xdr:spPr>
        <a:xfrm>
          <a:off x="11978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3" name="直線コネクタ 67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1</xdr:row>
      <xdr:rowOff>130827</xdr:rowOff>
    </xdr:from>
    <xdr:ext cx="467179" cy="259045"/>
    <xdr:sp macro="" textlink="">
      <xdr:nvSpPr>
        <xdr:cNvPr id="674" name="テキスト ボックス 673"/>
        <xdr:cNvSpPr txBox="1"/>
      </xdr:nvSpPr>
      <xdr:spPr>
        <a:xfrm>
          <a:off x="11978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5" name="直線コネクタ 67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6" name="テキスト ボックス 675"/>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8" name="テキスト ボックス 677"/>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39954</xdr:rowOff>
    </xdr:from>
    <xdr:to>
      <xdr:col>85</xdr:col>
      <xdr:colOff>126364</xdr:colOff>
      <xdr:row>98</xdr:row>
      <xdr:rowOff>164846</xdr:rowOff>
    </xdr:to>
    <xdr:cxnSp macro="">
      <xdr:nvCxnSpPr>
        <xdr:cNvPr id="680" name="直線コネクタ 679"/>
        <xdr:cNvCxnSpPr/>
      </xdr:nvCxnSpPr>
      <xdr:spPr>
        <a:xfrm flipV="1">
          <a:off x="16317595" y="15570454"/>
          <a:ext cx="1269" cy="13964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68673</xdr:rowOff>
    </xdr:from>
    <xdr:ext cx="378565" cy="259045"/>
    <xdr:sp macro="" textlink="">
      <xdr:nvSpPr>
        <xdr:cNvPr id="681" name="積立金最小値テキスト"/>
        <xdr:cNvSpPr txBox="1"/>
      </xdr:nvSpPr>
      <xdr:spPr>
        <a:xfrm>
          <a:off x="16370300" y="169707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64846</xdr:rowOff>
    </xdr:from>
    <xdr:to>
      <xdr:col>86</xdr:col>
      <xdr:colOff>25400</xdr:colOff>
      <xdr:row>98</xdr:row>
      <xdr:rowOff>164846</xdr:rowOff>
    </xdr:to>
    <xdr:cxnSp macro="">
      <xdr:nvCxnSpPr>
        <xdr:cNvPr id="682" name="直線コネクタ 681"/>
        <xdr:cNvCxnSpPr/>
      </xdr:nvCxnSpPr>
      <xdr:spPr>
        <a:xfrm>
          <a:off x="16230600" y="16966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86631</xdr:rowOff>
    </xdr:from>
    <xdr:ext cx="534377" cy="259045"/>
    <xdr:sp macro="" textlink="">
      <xdr:nvSpPr>
        <xdr:cNvPr id="683" name="積立金最大値テキスト"/>
        <xdr:cNvSpPr txBox="1"/>
      </xdr:nvSpPr>
      <xdr:spPr>
        <a:xfrm>
          <a:off x="16370300" y="15345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39954</xdr:rowOff>
    </xdr:from>
    <xdr:to>
      <xdr:col>86</xdr:col>
      <xdr:colOff>25400</xdr:colOff>
      <xdr:row>90</xdr:row>
      <xdr:rowOff>139954</xdr:rowOff>
    </xdr:to>
    <xdr:cxnSp macro="">
      <xdr:nvCxnSpPr>
        <xdr:cNvPr id="684" name="直線コネクタ 683"/>
        <xdr:cNvCxnSpPr/>
      </xdr:nvCxnSpPr>
      <xdr:spPr>
        <a:xfrm>
          <a:off x="16230600" y="155704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60528</xdr:rowOff>
    </xdr:from>
    <xdr:to>
      <xdr:col>85</xdr:col>
      <xdr:colOff>127000</xdr:colOff>
      <xdr:row>98</xdr:row>
      <xdr:rowOff>27687</xdr:rowOff>
    </xdr:to>
    <xdr:cxnSp macro="">
      <xdr:nvCxnSpPr>
        <xdr:cNvPr id="685" name="直線コネクタ 684"/>
        <xdr:cNvCxnSpPr/>
      </xdr:nvCxnSpPr>
      <xdr:spPr>
        <a:xfrm flipV="1">
          <a:off x="15481300" y="16791178"/>
          <a:ext cx="838200" cy="38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47717</xdr:rowOff>
    </xdr:from>
    <xdr:ext cx="469744" cy="259045"/>
    <xdr:sp macro="" textlink="">
      <xdr:nvSpPr>
        <xdr:cNvPr id="686" name="積立金平均値テキスト"/>
        <xdr:cNvSpPr txBox="1"/>
      </xdr:nvSpPr>
      <xdr:spPr>
        <a:xfrm>
          <a:off x="16370300" y="162640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4840</xdr:rowOff>
    </xdr:from>
    <xdr:to>
      <xdr:col>85</xdr:col>
      <xdr:colOff>177800</xdr:colOff>
      <xdr:row>96</xdr:row>
      <xdr:rowOff>54990</xdr:rowOff>
    </xdr:to>
    <xdr:sp macro="" textlink="">
      <xdr:nvSpPr>
        <xdr:cNvPr id="687" name="フローチャート: 判断 686"/>
        <xdr:cNvSpPr/>
      </xdr:nvSpPr>
      <xdr:spPr>
        <a:xfrm>
          <a:off x="16268700" y="16412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39446</xdr:rowOff>
    </xdr:from>
    <xdr:to>
      <xdr:col>81</xdr:col>
      <xdr:colOff>50800</xdr:colOff>
      <xdr:row>98</xdr:row>
      <xdr:rowOff>27687</xdr:rowOff>
    </xdr:to>
    <xdr:cxnSp macro="">
      <xdr:nvCxnSpPr>
        <xdr:cNvPr id="688" name="直線コネクタ 687"/>
        <xdr:cNvCxnSpPr/>
      </xdr:nvCxnSpPr>
      <xdr:spPr>
        <a:xfrm>
          <a:off x="14592300" y="16598646"/>
          <a:ext cx="889000" cy="231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19762</xdr:rowOff>
    </xdr:from>
    <xdr:to>
      <xdr:col>81</xdr:col>
      <xdr:colOff>101600</xdr:colOff>
      <xdr:row>95</xdr:row>
      <xdr:rowOff>49912</xdr:rowOff>
    </xdr:to>
    <xdr:sp macro="" textlink="">
      <xdr:nvSpPr>
        <xdr:cNvPr id="689" name="フローチャート: 判断 688"/>
        <xdr:cNvSpPr/>
      </xdr:nvSpPr>
      <xdr:spPr>
        <a:xfrm>
          <a:off x="15430500" y="16236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3</xdr:row>
      <xdr:rowOff>66439</xdr:rowOff>
    </xdr:from>
    <xdr:ext cx="469744" cy="259045"/>
    <xdr:sp macro="" textlink="">
      <xdr:nvSpPr>
        <xdr:cNvPr id="690" name="テキスト ボックス 689"/>
        <xdr:cNvSpPr txBox="1"/>
      </xdr:nvSpPr>
      <xdr:spPr>
        <a:xfrm>
          <a:off x="15246428" y="16011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39446</xdr:rowOff>
    </xdr:from>
    <xdr:to>
      <xdr:col>76</xdr:col>
      <xdr:colOff>114300</xdr:colOff>
      <xdr:row>96</xdr:row>
      <xdr:rowOff>169290</xdr:rowOff>
    </xdr:to>
    <xdr:cxnSp macro="">
      <xdr:nvCxnSpPr>
        <xdr:cNvPr id="691" name="直線コネクタ 690"/>
        <xdr:cNvCxnSpPr/>
      </xdr:nvCxnSpPr>
      <xdr:spPr>
        <a:xfrm flipV="1">
          <a:off x="13703300" y="16598646"/>
          <a:ext cx="889000" cy="29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842</xdr:rowOff>
    </xdr:from>
    <xdr:to>
      <xdr:col>76</xdr:col>
      <xdr:colOff>165100</xdr:colOff>
      <xdr:row>96</xdr:row>
      <xdr:rowOff>107442</xdr:rowOff>
    </xdr:to>
    <xdr:sp macro="" textlink="">
      <xdr:nvSpPr>
        <xdr:cNvPr id="692" name="フローチャート: 判断 691"/>
        <xdr:cNvSpPr/>
      </xdr:nvSpPr>
      <xdr:spPr>
        <a:xfrm>
          <a:off x="14541500" y="16465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123969</xdr:rowOff>
    </xdr:from>
    <xdr:ext cx="469744" cy="259045"/>
    <xdr:sp macro="" textlink="">
      <xdr:nvSpPr>
        <xdr:cNvPr id="693" name="テキスト ボックス 692"/>
        <xdr:cNvSpPr txBox="1"/>
      </xdr:nvSpPr>
      <xdr:spPr>
        <a:xfrm>
          <a:off x="14357428" y="16240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69290</xdr:rowOff>
    </xdr:from>
    <xdr:to>
      <xdr:col>71</xdr:col>
      <xdr:colOff>177800</xdr:colOff>
      <xdr:row>97</xdr:row>
      <xdr:rowOff>146050</xdr:rowOff>
    </xdr:to>
    <xdr:cxnSp macro="">
      <xdr:nvCxnSpPr>
        <xdr:cNvPr id="694" name="直線コネクタ 693"/>
        <xdr:cNvCxnSpPr/>
      </xdr:nvCxnSpPr>
      <xdr:spPr>
        <a:xfrm flipV="1">
          <a:off x="12814300" y="16628490"/>
          <a:ext cx="889000" cy="148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2389</xdr:rowOff>
    </xdr:from>
    <xdr:to>
      <xdr:col>72</xdr:col>
      <xdr:colOff>38100</xdr:colOff>
      <xdr:row>96</xdr:row>
      <xdr:rowOff>2539</xdr:rowOff>
    </xdr:to>
    <xdr:sp macro="" textlink="">
      <xdr:nvSpPr>
        <xdr:cNvPr id="695" name="フローチャート: 判断 694"/>
        <xdr:cNvSpPr/>
      </xdr:nvSpPr>
      <xdr:spPr>
        <a:xfrm>
          <a:off x="13652500" y="16360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19066</xdr:rowOff>
    </xdr:from>
    <xdr:ext cx="469744" cy="259045"/>
    <xdr:sp macro="" textlink="">
      <xdr:nvSpPr>
        <xdr:cNvPr id="696" name="テキスト ボックス 695"/>
        <xdr:cNvSpPr txBox="1"/>
      </xdr:nvSpPr>
      <xdr:spPr>
        <a:xfrm>
          <a:off x="13468428" y="16135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31369</xdr:rowOff>
    </xdr:from>
    <xdr:to>
      <xdr:col>67</xdr:col>
      <xdr:colOff>101600</xdr:colOff>
      <xdr:row>95</xdr:row>
      <xdr:rowOff>132969</xdr:rowOff>
    </xdr:to>
    <xdr:sp macro="" textlink="">
      <xdr:nvSpPr>
        <xdr:cNvPr id="697" name="フローチャート: 判断 696"/>
        <xdr:cNvSpPr/>
      </xdr:nvSpPr>
      <xdr:spPr>
        <a:xfrm>
          <a:off x="12763500" y="16319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3</xdr:row>
      <xdr:rowOff>149496</xdr:rowOff>
    </xdr:from>
    <xdr:ext cx="469744" cy="259045"/>
    <xdr:sp macro="" textlink="">
      <xdr:nvSpPr>
        <xdr:cNvPr id="698" name="テキスト ボックス 697"/>
        <xdr:cNvSpPr txBox="1"/>
      </xdr:nvSpPr>
      <xdr:spPr>
        <a:xfrm>
          <a:off x="12579428" y="16094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9728</xdr:rowOff>
    </xdr:from>
    <xdr:to>
      <xdr:col>85</xdr:col>
      <xdr:colOff>177800</xdr:colOff>
      <xdr:row>98</xdr:row>
      <xdr:rowOff>39878</xdr:rowOff>
    </xdr:to>
    <xdr:sp macro="" textlink="">
      <xdr:nvSpPr>
        <xdr:cNvPr id="704" name="楕円 703"/>
        <xdr:cNvSpPr/>
      </xdr:nvSpPr>
      <xdr:spPr>
        <a:xfrm>
          <a:off x="16268700" y="16740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88155</xdr:rowOff>
    </xdr:from>
    <xdr:ext cx="469744" cy="259045"/>
    <xdr:sp macro="" textlink="">
      <xdr:nvSpPr>
        <xdr:cNvPr id="705" name="積立金該当値テキスト"/>
        <xdr:cNvSpPr txBox="1"/>
      </xdr:nvSpPr>
      <xdr:spPr>
        <a:xfrm>
          <a:off x="16370300" y="16718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48337</xdr:rowOff>
    </xdr:from>
    <xdr:to>
      <xdr:col>81</xdr:col>
      <xdr:colOff>101600</xdr:colOff>
      <xdr:row>98</xdr:row>
      <xdr:rowOff>78487</xdr:rowOff>
    </xdr:to>
    <xdr:sp macro="" textlink="">
      <xdr:nvSpPr>
        <xdr:cNvPr id="706" name="楕円 705"/>
        <xdr:cNvSpPr/>
      </xdr:nvSpPr>
      <xdr:spPr>
        <a:xfrm>
          <a:off x="15430500" y="16778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69614</xdr:rowOff>
    </xdr:from>
    <xdr:ext cx="469744" cy="259045"/>
    <xdr:sp macro="" textlink="">
      <xdr:nvSpPr>
        <xdr:cNvPr id="707" name="テキスト ボックス 706"/>
        <xdr:cNvSpPr txBox="1"/>
      </xdr:nvSpPr>
      <xdr:spPr>
        <a:xfrm>
          <a:off x="15246428" y="16871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88646</xdr:rowOff>
    </xdr:from>
    <xdr:to>
      <xdr:col>76</xdr:col>
      <xdr:colOff>165100</xdr:colOff>
      <xdr:row>97</xdr:row>
      <xdr:rowOff>18796</xdr:rowOff>
    </xdr:to>
    <xdr:sp macro="" textlink="">
      <xdr:nvSpPr>
        <xdr:cNvPr id="708" name="楕円 707"/>
        <xdr:cNvSpPr/>
      </xdr:nvSpPr>
      <xdr:spPr>
        <a:xfrm>
          <a:off x="14541500" y="16547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9923</xdr:rowOff>
    </xdr:from>
    <xdr:ext cx="469744" cy="259045"/>
    <xdr:sp macro="" textlink="">
      <xdr:nvSpPr>
        <xdr:cNvPr id="709" name="テキスト ボックス 708"/>
        <xdr:cNvSpPr txBox="1"/>
      </xdr:nvSpPr>
      <xdr:spPr>
        <a:xfrm>
          <a:off x="14357428" y="16640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18490</xdr:rowOff>
    </xdr:from>
    <xdr:to>
      <xdr:col>72</xdr:col>
      <xdr:colOff>38100</xdr:colOff>
      <xdr:row>97</xdr:row>
      <xdr:rowOff>48640</xdr:rowOff>
    </xdr:to>
    <xdr:sp macro="" textlink="">
      <xdr:nvSpPr>
        <xdr:cNvPr id="710" name="楕円 709"/>
        <xdr:cNvSpPr/>
      </xdr:nvSpPr>
      <xdr:spPr>
        <a:xfrm>
          <a:off x="13652500" y="1657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39767</xdr:rowOff>
    </xdr:from>
    <xdr:ext cx="469744" cy="259045"/>
    <xdr:sp macro="" textlink="">
      <xdr:nvSpPr>
        <xdr:cNvPr id="711" name="テキスト ボックス 710"/>
        <xdr:cNvSpPr txBox="1"/>
      </xdr:nvSpPr>
      <xdr:spPr>
        <a:xfrm>
          <a:off x="13468428" y="1667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5250</xdr:rowOff>
    </xdr:from>
    <xdr:to>
      <xdr:col>67</xdr:col>
      <xdr:colOff>101600</xdr:colOff>
      <xdr:row>98</xdr:row>
      <xdr:rowOff>25400</xdr:rowOff>
    </xdr:to>
    <xdr:sp macro="" textlink="">
      <xdr:nvSpPr>
        <xdr:cNvPr id="712" name="楕円 711"/>
        <xdr:cNvSpPr/>
      </xdr:nvSpPr>
      <xdr:spPr>
        <a:xfrm>
          <a:off x="12763500" y="1672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6527</xdr:rowOff>
    </xdr:from>
    <xdr:ext cx="469744" cy="259045"/>
    <xdr:sp macro="" textlink="">
      <xdr:nvSpPr>
        <xdr:cNvPr id="713" name="テキスト ボックス 712"/>
        <xdr:cNvSpPr txBox="1"/>
      </xdr:nvSpPr>
      <xdr:spPr>
        <a:xfrm>
          <a:off x="12579428" y="1681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4" name="直線コネクタ 723"/>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5" name="テキスト ボックス 724"/>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6" name="直線コネクタ 725"/>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7" name="テキスト ボックス 726"/>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8" name="直線コネクタ 727"/>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9" name="テキスト ボックス 728"/>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0" name="直線コネクタ 729"/>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1" name="テキスト ボックス 730"/>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78892</xdr:rowOff>
    </xdr:from>
    <xdr:to>
      <xdr:col>116</xdr:col>
      <xdr:colOff>62864</xdr:colOff>
      <xdr:row>38</xdr:row>
      <xdr:rowOff>139700</xdr:rowOff>
    </xdr:to>
    <xdr:cxnSp macro="">
      <xdr:nvCxnSpPr>
        <xdr:cNvPr id="735" name="直線コネクタ 734"/>
        <xdr:cNvCxnSpPr/>
      </xdr:nvCxnSpPr>
      <xdr:spPr>
        <a:xfrm flipV="1">
          <a:off x="22159595" y="5565292"/>
          <a:ext cx="1269" cy="1089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6"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7" name="直線コネクタ 736"/>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25569</xdr:rowOff>
    </xdr:from>
    <xdr:ext cx="469744" cy="259045"/>
    <xdr:sp macro="" textlink="">
      <xdr:nvSpPr>
        <xdr:cNvPr id="738" name="投資及び出資金最大値テキスト"/>
        <xdr:cNvSpPr txBox="1"/>
      </xdr:nvSpPr>
      <xdr:spPr>
        <a:xfrm>
          <a:off x="22212300" y="5340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78892</xdr:rowOff>
    </xdr:from>
    <xdr:to>
      <xdr:col>116</xdr:col>
      <xdr:colOff>152400</xdr:colOff>
      <xdr:row>32</xdr:row>
      <xdr:rowOff>78892</xdr:rowOff>
    </xdr:to>
    <xdr:cxnSp macro="">
      <xdr:nvCxnSpPr>
        <xdr:cNvPr id="739" name="直線コネクタ 738"/>
        <xdr:cNvCxnSpPr/>
      </xdr:nvCxnSpPr>
      <xdr:spPr>
        <a:xfrm>
          <a:off x="22072600" y="5565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2</xdr:row>
      <xdr:rowOff>21514</xdr:rowOff>
    </xdr:from>
    <xdr:to>
      <xdr:col>116</xdr:col>
      <xdr:colOff>63500</xdr:colOff>
      <xdr:row>32</xdr:row>
      <xdr:rowOff>78892</xdr:rowOff>
    </xdr:to>
    <xdr:cxnSp macro="">
      <xdr:nvCxnSpPr>
        <xdr:cNvPr id="740" name="直線コネクタ 739"/>
        <xdr:cNvCxnSpPr/>
      </xdr:nvCxnSpPr>
      <xdr:spPr>
        <a:xfrm>
          <a:off x="21323300" y="5507914"/>
          <a:ext cx="838200" cy="57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19448</xdr:rowOff>
    </xdr:from>
    <xdr:ext cx="469744" cy="259045"/>
    <xdr:sp macro="" textlink="">
      <xdr:nvSpPr>
        <xdr:cNvPr id="741" name="投資及び出資金平均値テキスト"/>
        <xdr:cNvSpPr txBox="1"/>
      </xdr:nvSpPr>
      <xdr:spPr>
        <a:xfrm>
          <a:off x="22212300" y="61201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41021</xdr:rowOff>
    </xdr:from>
    <xdr:to>
      <xdr:col>116</xdr:col>
      <xdr:colOff>114300</xdr:colOff>
      <xdr:row>36</xdr:row>
      <xdr:rowOff>71171</xdr:rowOff>
    </xdr:to>
    <xdr:sp macro="" textlink="">
      <xdr:nvSpPr>
        <xdr:cNvPr id="742" name="フローチャート: 判断 741"/>
        <xdr:cNvSpPr/>
      </xdr:nvSpPr>
      <xdr:spPr>
        <a:xfrm>
          <a:off x="22110700" y="6141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2</xdr:row>
      <xdr:rowOff>21514</xdr:rowOff>
    </xdr:from>
    <xdr:to>
      <xdr:col>111</xdr:col>
      <xdr:colOff>177800</xdr:colOff>
      <xdr:row>32</xdr:row>
      <xdr:rowOff>103124</xdr:rowOff>
    </xdr:to>
    <xdr:cxnSp macro="">
      <xdr:nvCxnSpPr>
        <xdr:cNvPr id="743" name="直線コネクタ 742"/>
        <xdr:cNvCxnSpPr/>
      </xdr:nvCxnSpPr>
      <xdr:spPr>
        <a:xfrm flipV="1">
          <a:off x="20434300" y="5507914"/>
          <a:ext cx="889000" cy="81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5</xdr:row>
      <xdr:rowOff>93700</xdr:rowOff>
    </xdr:from>
    <xdr:to>
      <xdr:col>112</xdr:col>
      <xdr:colOff>38100</xdr:colOff>
      <xdr:row>36</xdr:row>
      <xdr:rowOff>23850</xdr:rowOff>
    </xdr:to>
    <xdr:sp macro="" textlink="">
      <xdr:nvSpPr>
        <xdr:cNvPr id="744" name="フローチャート: 判断 743"/>
        <xdr:cNvSpPr/>
      </xdr:nvSpPr>
      <xdr:spPr>
        <a:xfrm>
          <a:off x="21272500" y="6094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4977</xdr:rowOff>
    </xdr:from>
    <xdr:ext cx="469744" cy="259045"/>
    <xdr:sp macro="" textlink="">
      <xdr:nvSpPr>
        <xdr:cNvPr id="745" name="テキスト ボックス 744"/>
        <xdr:cNvSpPr txBox="1"/>
      </xdr:nvSpPr>
      <xdr:spPr>
        <a:xfrm>
          <a:off x="21088428" y="618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2</xdr:row>
      <xdr:rowOff>103124</xdr:rowOff>
    </xdr:from>
    <xdr:to>
      <xdr:col>107</xdr:col>
      <xdr:colOff>50800</xdr:colOff>
      <xdr:row>33</xdr:row>
      <xdr:rowOff>141986</xdr:rowOff>
    </xdr:to>
    <xdr:cxnSp macro="">
      <xdr:nvCxnSpPr>
        <xdr:cNvPr id="746" name="直線コネクタ 745"/>
        <xdr:cNvCxnSpPr/>
      </xdr:nvCxnSpPr>
      <xdr:spPr>
        <a:xfrm flipV="1">
          <a:off x="19545300" y="5589524"/>
          <a:ext cx="889000" cy="210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52781</xdr:rowOff>
    </xdr:from>
    <xdr:to>
      <xdr:col>107</xdr:col>
      <xdr:colOff>101600</xdr:colOff>
      <xdr:row>35</xdr:row>
      <xdr:rowOff>154381</xdr:rowOff>
    </xdr:to>
    <xdr:sp macro="" textlink="">
      <xdr:nvSpPr>
        <xdr:cNvPr id="747" name="フローチャート: 判断 746"/>
        <xdr:cNvSpPr/>
      </xdr:nvSpPr>
      <xdr:spPr>
        <a:xfrm>
          <a:off x="20383500" y="6053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45508</xdr:rowOff>
    </xdr:from>
    <xdr:ext cx="469744" cy="259045"/>
    <xdr:sp macro="" textlink="">
      <xdr:nvSpPr>
        <xdr:cNvPr id="748" name="テキスト ボックス 747"/>
        <xdr:cNvSpPr txBox="1"/>
      </xdr:nvSpPr>
      <xdr:spPr>
        <a:xfrm>
          <a:off x="20199428" y="6146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3</xdr:row>
      <xdr:rowOff>141986</xdr:rowOff>
    </xdr:from>
    <xdr:to>
      <xdr:col>102</xdr:col>
      <xdr:colOff>114300</xdr:colOff>
      <xdr:row>34</xdr:row>
      <xdr:rowOff>29972</xdr:rowOff>
    </xdr:to>
    <xdr:cxnSp macro="">
      <xdr:nvCxnSpPr>
        <xdr:cNvPr id="749" name="直線コネクタ 748"/>
        <xdr:cNvCxnSpPr/>
      </xdr:nvCxnSpPr>
      <xdr:spPr>
        <a:xfrm flipV="1">
          <a:off x="18656300" y="5799836"/>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4</xdr:row>
      <xdr:rowOff>126848</xdr:rowOff>
    </xdr:from>
    <xdr:to>
      <xdr:col>102</xdr:col>
      <xdr:colOff>165100</xdr:colOff>
      <xdr:row>35</xdr:row>
      <xdr:rowOff>56998</xdr:rowOff>
    </xdr:to>
    <xdr:sp macro="" textlink="">
      <xdr:nvSpPr>
        <xdr:cNvPr id="750" name="フローチャート: 判断 749"/>
        <xdr:cNvSpPr/>
      </xdr:nvSpPr>
      <xdr:spPr>
        <a:xfrm>
          <a:off x="19494500" y="595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48125</xdr:rowOff>
    </xdr:from>
    <xdr:ext cx="469744" cy="259045"/>
    <xdr:sp macro="" textlink="">
      <xdr:nvSpPr>
        <xdr:cNvPr id="751" name="テキスト ボックス 750"/>
        <xdr:cNvSpPr txBox="1"/>
      </xdr:nvSpPr>
      <xdr:spPr>
        <a:xfrm>
          <a:off x="19310428" y="6048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3</xdr:row>
      <xdr:rowOff>108788</xdr:rowOff>
    </xdr:from>
    <xdr:to>
      <xdr:col>98</xdr:col>
      <xdr:colOff>38100</xdr:colOff>
      <xdr:row>34</xdr:row>
      <xdr:rowOff>38938</xdr:rowOff>
    </xdr:to>
    <xdr:sp macro="" textlink="">
      <xdr:nvSpPr>
        <xdr:cNvPr id="752" name="フローチャート: 判断 751"/>
        <xdr:cNvSpPr/>
      </xdr:nvSpPr>
      <xdr:spPr>
        <a:xfrm>
          <a:off x="18605500" y="5766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2</xdr:row>
      <xdr:rowOff>55465</xdr:rowOff>
    </xdr:from>
    <xdr:ext cx="469744" cy="259045"/>
    <xdr:sp macro="" textlink="">
      <xdr:nvSpPr>
        <xdr:cNvPr id="753" name="テキスト ボックス 752"/>
        <xdr:cNvSpPr txBox="1"/>
      </xdr:nvSpPr>
      <xdr:spPr>
        <a:xfrm>
          <a:off x="18421428" y="5541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2</xdr:row>
      <xdr:rowOff>28092</xdr:rowOff>
    </xdr:from>
    <xdr:to>
      <xdr:col>116</xdr:col>
      <xdr:colOff>114300</xdr:colOff>
      <xdr:row>32</xdr:row>
      <xdr:rowOff>129692</xdr:rowOff>
    </xdr:to>
    <xdr:sp macro="" textlink="">
      <xdr:nvSpPr>
        <xdr:cNvPr id="759" name="楕円 758"/>
        <xdr:cNvSpPr/>
      </xdr:nvSpPr>
      <xdr:spPr>
        <a:xfrm>
          <a:off x="22110700" y="5514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1</xdr:row>
      <xdr:rowOff>152569</xdr:rowOff>
    </xdr:from>
    <xdr:ext cx="469744" cy="259045"/>
    <xdr:sp macro="" textlink="">
      <xdr:nvSpPr>
        <xdr:cNvPr id="760" name="投資及び出資金該当値テキスト"/>
        <xdr:cNvSpPr txBox="1"/>
      </xdr:nvSpPr>
      <xdr:spPr>
        <a:xfrm>
          <a:off x="22212300" y="5467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1</xdr:row>
      <xdr:rowOff>142164</xdr:rowOff>
    </xdr:from>
    <xdr:to>
      <xdr:col>112</xdr:col>
      <xdr:colOff>38100</xdr:colOff>
      <xdr:row>32</xdr:row>
      <xdr:rowOff>72314</xdr:rowOff>
    </xdr:to>
    <xdr:sp macro="" textlink="">
      <xdr:nvSpPr>
        <xdr:cNvPr id="761" name="楕円 760"/>
        <xdr:cNvSpPr/>
      </xdr:nvSpPr>
      <xdr:spPr>
        <a:xfrm>
          <a:off x="21272500" y="5457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0</xdr:row>
      <xdr:rowOff>88841</xdr:rowOff>
    </xdr:from>
    <xdr:ext cx="469744" cy="259045"/>
    <xdr:sp macro="" textlink="">
      <xdr:nvSpPr>
        <xdr:cNvPr id="762" name="テキスト ボックス 761"/>
        <xdr:cNvSpPr txBox="1"/>
      </xdr:nvSpPr>
      <xdr:spPr>
        <a:xfrm>
          <a:off x="21088428" y="5232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2</xdr:row>
      <xdr:rowOff>52324</xdr:rowOff>
    </xdr:from>
    <xdr:to>
      <xdr:col>107</xdr:col>
      <xdr:colOff>101600</xdr:colOff>
      <xdr:row>32</xdr:row>
      <xdr:rowOff>153924</xdr:rowOff>
    </xdr:to>
    <xdr:sp macro="" textlink="">
      <xdr:nvSpPr>
        <xdr:cNvPr id="763" name="楕円 762"/>
        <xdr:cNvSpPr/>
      </xdr:nvSpPr>
      <xdr:spPr>
        <a:xfrm>
          <a:off x="20383500" y="5538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0</xdr:row>
      <xdr:rowOff>170451</xdr:rowOff>
    </xdr:from>
    <xdr:ext cx="469744" cy="259045"/>
    <xdr:sp macro="" textlink="">
      <xdr:nvSpPr>
        <xdr:cNvPr id="764" name="テキスト ボックス 763"/>
        <xdr:cNvSpPr txBox="1"/>
      </xdr:nvSpPr>
      <xdr:spPr>
        <a:xfrm>
          <a:off x="20199428" y="5313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3</xdr:row>
      <xdr:rowOff>91186</xdr:rowOff>
    </xdr:from>
    <xdr:to>
      <xdr:col>102</xdr:col>
      <xdr:colOff>165100</xdr:colOff>
      <xdr:row>34</xdr:row>
      <xdr:rowOff>21336</xdr:rowOff>
    </xdr:to>
    <xdr:sp macro="" textlink="">
      <xdr:nvSpPr>
        <xdr:cNvPr id="765" name="楕円 764"/>
        <xdr:cNvSpPr/>
      </xdr:nvSpPr>
      <xdr:spPr>
        <a:xfrm>
          <a:off x="19494500" y="574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2</xdr:row>
      <xdr:rowOff>37863</xdr:rowOff>
    </xdr:from>
    <xdr:ext cx="469744" cy="259045"/>
    <xdr:sp macro="" textlink="">
      <xdr:nvSpPr>
        <xdr:cNvPr id="766" name="テキスト ボックス 765"/>
        <xdr:cNvSpPr txBox="1"/>
      </xdr:nvSpPr>
      <xdr:spPr>
        <a:xfrm>
          <a:off x="19310428" y="5524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3</xdr:row>
      <xdr:rowOff>150622</xdr:rowOff>
    </xdr:from>
    <xdr:to>
      <xdr:col>98</xdr:col>
      <xdr:colOff>38100</xdr:colOff>
      <xdr:row>34</xdr:row>
      <xdr:rowOff>80772</xdr:rowOff>
    </xdr:to>
    <xdr:sp macro="" textlink="">
      <xdr:nvSpPr>
        <xdr:cNvPr id="767" name="楕円 766"/>
        <xdr:cNvSpPr/>
      </xdr:nvSpPr>
      <xdr:spPr>
        <a:xfrm>
          <a:off x="18605500" y="580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71899</xdr:rowOff>
    </xdr:from>
    <xdr:ext cx="469744" cy="259045"/>
    <xdr:sp macro="" textlink="">
      <xdr:nvSpPr>
        <xdr:cNvPr id="768" name="テキスト ボックス 767"/>
        <xdr:cNvSpPr txBox="1"/>
      </xdr:nvSpPr>
      <xdr:spPr>
        <a:xfrm>
          <a:off x="18421428" y="5901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9" name="直線コネクタ 778"/>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0" name="テキスト ボックス 779"/>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1" name="直線コネクタ 780"/>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2" name="テキスト ボックス 781"/>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3" name="直線コネクタ 782"/>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4" name="テキスト ボックス 783"/>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5" name="直線コネクタ 784"/>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6" name="テキスト ボックス 785"/>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8" name="テキスト ボックス 787"/>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10530</xdr:rowOff>
    </xdr:from>
    <xdr:to>
      <xdr:col>116</xdr:col>
      <xdr:colOff>62864</xdr:colOff>
      <xdr:row>58</xdr:row>
      <xdr:rowOff>131013</xdr:rowOff>
    </xdr:to>
    <xdr:cxnSp macro="">
      <xdr:nvCxnSpPr>
        <xdr:cNvPr id="790" name="直線コネクタ 789"/>
        <xdr:cNvCxnSpPr/>
      </xdr:nvCxnSpPr>
      <xdr:spPr>
        <a:xfrm flipV="1">
          <a:off x="22159595" y="8854480"/>
          <a:ext cx="1269" cy="1220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34840</xdr:rowOff>
    </xdr:from>
    <xdr:ext cx="378565" cy="259045"/>
    <xdr:sp macro="" textlink="">
      <xdr:nvSpPr>
        <xdr:cNvPr id="791" name="貸付金最小値テキスト"/>
        <xdr:cNvSpPr txBox="1"/>
      </xdr:nvSpPr>
      <xdr:spPr>
        <a:xfrm>
          <a:off x="22212300" y="10078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1013</xdr:rowOff>
    </xdr:from>
    <xdr:to>
      <xdr:col>116</xdr:col>
      <xdr:colOff>152400</xdr:colOff>
      <xdr:row>58</xdr:row>
      <xdr:rowOff>131013</xdr:rowOff>
    </xdr:to>
    <xdr:cxnSp macro="">
      <xdr:nvCxnSpPr>
        <xdr:cNvPr id="792" name="直線コネクタ 791"/>
        <xdr:cNvCxnSpPr/>
      </xdr:nvCxnSpPr>
      <xdr:spPr>
        <a:xfrm>
          <a:off x="22072600" y="10075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57207</xdr:rowOff>
    </xdr:from>
    <xdr:ext cx="534377" cy="259045"/>
    <xdr:sp macro="" textlink="">
      <xdr:nvSpPr>
        <xdr:cNvPr id="793" name="貸付金最大値テキスト"/>
        <xdr:cNvSpPr txBox="1"/>
      </xdr:nvSpPr>
      <xdr:spPr>
        <a:xfrm>
          <a:off x="22212300" y="8629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10530</xdr:rowOff>
    </xdr:from>
    <xdr:to>
      <xdr:col>116</xdr:col>
      <xdr:colOff>152400</xdr:colOff>
      <xdr:row>51</xdr:row>
      <xdr:rowOff>110530</xdr:rowOff>
    </xdr:to>
    <xdr:cxnSp macro="">
      <xdr:nvCxnSpPr>
        <xdr:cNvPr id="794" name="直線コネクタ 793"/>
        <xdr:cNvCxnSpPr/>
      </xdr:nvCxnSpPr>
      <xdr:spPr>
        <a:xfrm>
          <a:off x="22072600" y="8854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16223</xdr:rowOff>
    </xdr:from>
    <xdr:to>
      <xdr:col>116</xdr:col>
      <xdr:colOff>63500</xdr:colOff>
      <xdr:row>56</xdr:row>
      <xdr:rowOff>145255</xdr:rowOff>
    </xdr:to>
    <xdr:cxnSp macro="">
      <xdr:nvCxnSpPr>
        <xdr:cNvPr id="795" name="直線コネクタ 794"/>
        <xdr:cNvCxnSpPr/>
      </xdr:nvCxnSpPr>
      <xdr:spPr>
        <a:xfrm>
          <a:off x="21323300" y="9717423"/>
          <a:ext cx="838200" cy="29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148490</xdr:rowOff>
    </xdr:from>
    <xdr:ext cx="534377" cy="259045"/>
    <xdr:sp macro="" textlink="">
      <xdr:nvSpPr>
        <xdr:cNvPr id="796" name="貸付金平均値テキスト"/>
        <xdr:cNvSpPr txBox="1"/>
      </xdr:nvSpPr>
      <xdr:spPr>
        <a:xfrm>
          <a:off x="22212300" y="94067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25613</xdr:rowOff>
    </xdr:from>
    <xdr:to>
      <xdr:col>116</xdr:col>
      <xdr:colOff>114300</xdr:colOff>
      <xdr:row>56</xdr:row>
      <xdr:rowOff>55763</xdr:rowOff>
    </xdr:to>
    <xdr:sp macro="" textlink="">
      <xdr:nvSpPr>
        <xdr:cNvPr id="797" name="フローチャート: 判断 796"/>
        <xdr:cNvSpPr/>
      </xdr:nvSpPr>
      <xdr:spPr>
        <a:xfrm>
          <a:off x="22110700" y="955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90939</xdr:rowOff>
    </xdr:from>
    <xdr:to>
      <xdr:col>111</xdr:col>
      <xdr:colOff>177800</xdr:colOff>
      <xdr:row>56</xdr:row>
      <xdr:rowOff>116223</xdr:rowOff>
    </xdr:to>
    <xdr:cxnSp macro="">
      <xdr:nvCxnSpPr>
        <xdr:cNvPr id="798" name="直線コネクタ 797"/>
        <xdr:cNvCxnSpPr/>
      </xdr:nvCxnSpPr>
      <xdr:spPr>
        <a:xfrm>
          <a:off x="20434300" y="9692139"/>
          <a:ext cx="889000" cy="25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5</xdr:row>
      <xdr:rowOff>74864</xdr:rowOff>
    </xdr:from>
    <xdr:to>
      <xdr:col>112</xdr:col>
      <xdr:colOff>38100</xdr:colOff>
      <xdr:row>56</xdr:row>
      <xdr:rowOff>5014</xdr:rowOff>
    </xdr:to>
    <xdr:sp macro="" textlink="">
      <xdr:nvSpPr>
        <xdr:cNvPr id="799" name="フローチャート: 判断 798"/>
        <xdr:cNvSpPr/>
      </xdr:nvSpPr>
      <xdr:spPr>
        <a:xfrm>
          <a:off x="21272500" y="9504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4</xdr:row>
      <xdr:rowOff>21541</xdr:rowOff>
    </xdr:from>
    <xdr:ext cx="534377" cy="259045"/>
    <xdr:sp macro="" textlink="">
      <xdr:nvSpPr>
        <xdr:cNvPr id="800" name="テキスト ボックス 799"/>
        <xdr:cNvSpPr txBox="1"/>
      </xdr:nvSpPr>
      <xdr:spPr>
        <a:xfrm>
          <a:off x="21056111" y="927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33013</xdr:rowOff>
    </xdr:from>
    <xdr:to>
      <xdr:col>107</xdr:col>
      <xdr:colOff>50800</xdr:colOff>
      <xdr:row>56</xdr:row>
      <xdr:rowOff>90939</xdr:rowOff>
    </xdr:to>
    <xdr:cxnSp macro="">
      <xdr:nvCxnSpPr>
        <xdr:cNvPr id="801" name="直線コネクタ 800"/>
        <xdr:cNvCxnSpPr/>
      </xdr:nvCxnSpPr>
      <xdr:spPr>
        <a:xfrm>
          <a:off x="19545300" y="9634213"/>
          <a:ext cx="889000" cy="57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45238</xdr:rowOff>
    </xdr:from>
    <xdr:to>
      <xdr:col>107</xdr:col>
      <xdr:colOff>101600</xdr:colOff>
      <xdr:row>55</xdr:row>
      <xdr:rowOff>146838</xdr:rowOff>
    </xdr:to>
    <xdr:sp macro="" textlink="">
      <xdr:nvSpPr>
        <xdr:cNvPr id="802" name="フローチャート: 判断 801"/>
        <xdr:cNvSpPr/>
      </xdr:nvSpPr>
      <xdr:spPr>
        <a:xfrm>
          <a:off x="20383500" y="9474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3</xdr:row>
      <xdr:rowOff>163365</xdr:rowOff>
    </xdr:from>
    <xdr:ext cx="534377" cy="259045"/>
    <xdr:sp macro="" textlink="">
      <xdr:nvSpPr>
        <xdr:cNvPr id="803" name="テキスト ボックス 802"/>
        <xdr:cNvSpPr txBox="1"/>
      </xdr:nvSpPr>
      <xdr:spPr>
        <a:xfrm>
          <a:off x="20167111" y="9250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113754</xdr:rowOff>
    </xdr:from>
    <xdr:to>
      <xdr:col>102</xdr:col>
      <xdr:colOff>114300</xdr:colOff>
      <xdr:row>56</xdr:row>
      <xdr:rowOff>33013</xdr:rowOff>
    </xdr:to>
    <xdr:cxnSp macro="">
      <xdr:nvCxnSpPr>
        <xdr:cNvPr id="804" name="直線コネクタ 803"/>
        <xdr:cNvCxnSpPr/>
      </xdr:nvCxnSpPr>
      <xdr:spPr>
        <a:xfrm>
          <a:off x="18656300" y="9543504"/>
          <a:ext cx="889000" cy="907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6947</xdr:rowOff>
    </xdr:from>
    <xdr:to>
      <xdr:col>102</xdr:col>
      <xdr:colOff>165100</xdr:colOff>
      <xdr:row>55</xdr:row>
      <xdr:rowOff>108547</xdr:rowOff>
    </xdr:to>
    <xdr:sp macro="" textlink="">
      <xdr:nvSpPr>
        <xdr:cNvPr id="805" name="フローチャート: 判断 804"/>
        <xdr:cNvSpPr/>
      </xdr:nvSpPr>
      <xdr:spPr>
        <a:xfrm>
          <a:off x="19494500" y="9436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3</xdr:row>
      <xdr:rowOff>125074</xdr:rowOff>
    </xdr:from>
    <xdr:ext cx="534377" cy="259045"/>
    <xdr:sp macro="" textlink="">
      <xdr:nvSpPr>
        <xdr:cNvPr id="806" name="テキスト ボックス 805"/>
        <xdr:cNvSpPr txBox="1"/>
      </xdr:nvSpPr>
      <xdr:spPr>
        <a:xfrm>
          <a:off x="19278111" y="9211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117635</xdr:rowOff>
    </xdr:from>
    <xdr:to>
      <xdr:col>98</xdr:col>
      <xdr:colOff>38100</xdr:colOff>
      <xdr:row>55</xdr:row>
      <xdr:rowOff>47785</xdr:rowOff>
    </xdr:to>
    <xdr:sp macro="" textlink="">
      <xdr:nvSpPr>
        <xdr:cNvPr id="807" name="フローチャート: 判断 806"/>
        <xdr:cNvSpPr/>
      </xdr:nvSpPr>
      <xdr:spPr>
        <a:xfrm>
          <a:off x="18605500" y="9375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3</xdr:row>
      <xdr:rowOff>64312</xdr:rowOff>
    </xdr:from>
    <xdr:ext cx="534377" cy="259045"/>
    <xdr:sp macro="" textlink="">
      <xdr:nvSpPr>
        <xdr:cNvPr id="808" name="テキスト ボックス 807"/>
        <xdr:cNvSpPr txBox="1"/>
      </xdr:nvSpPr>
      <xdr:spPr>
        <a:xfrm>
          <a:off x="18389111" y="9151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94455</xdr:rowOff>
    </xdr:from>
    <xdr:to>
      <xdr:col>116</xdr:col>
      <xdr:colOff>114300</xdr:colOff>
      <xdr:row>57</xdr:row>
      <xdr:rowOff>24605</xdr:rowOff>
    </xdr:to>
    <xdr:sp macro="" textlink="">
      <xdr:nvSpPr>
        <xdr:cNvPr id="814" name="楕円 813"/>
        <xdr:cNvSpPr/>
      </xdr:nvSpPr>
      <xdr:spPr>
        <a:xfrm>
          <a:off x="22110700" y="9695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72882</xdr:rowOff>
    </xdr:from>
    <xdr:ext cx="534377" cy="259045"/>
    <xdr:sp macro="" textlink="">
      <xdr:nvSpPr>
        <xdr:cNvPr id="815" name="貸付金該当値テキスト"/>
        <xdr:cNvSpPr txBox="1"/>
      </xdr:nvSpPr>
      <xdr:spPr>
        <a:xfrm>
          <a:off x="22212300" y="9674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65423</xdr:rowOff>
    </xdr:from>
    <xdr:to>
      <xdr:col>112</xdr:col>
      <xdr:colOff>38100</xdr:colOff>
      <xdr:row>56</xdr:row>
      <xdr:rowOff>167023</xdr:rowOff>
    </xdr:to>
    <xdr:sp macro="" textlink="">
      <xdr:nvSpPr>
        <xdr:cNvPr id="816" name="楕円 815"/>
        <xdr:cNvSpPr/>
      </xdr:nvSpPr>
      <xdr:spPr>
        <a:xfrm>
          <a:off x="21272500" y="9666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6</xdr:row>
      <xdr:rowOff>158150</xdr:rowOff>
    </xdr:from>
    <xdr:ext cx="534377" cy="259045"/>
    <xdr:sp macro="" textlink="">
      <xdr:nvSpPr>
        <xdr:cNvPr id="817" name="テキスト ボックス 816"/>
        <xdr:cNvSpPr txBox="1"/>
      </xdr:nvSpPr>
      <xdr:spPr>
        <a:xfrm>
          <a:off x="21056111" y="9759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40139</xdr:rowOff>
    </xdr:from>
    <xdr:to>
      <xdr:col>107</xdr:col>
      <xdr:colOff>101600</xdr:colOff>
      <xdr:row>56</xdr:row>
      <xdr:rowOff>141739</xdr:rowOff>
    </xdr:to>
    <xdr:sp macro="" textlink="">
      <xdr:nvSpPr>
        <xdr:cNvPr id="818" name="楕円 817"/>
        <xdr:cNvSpPr/>
      </xdr:nvSpPr>
      <xdr:spPr>
        <a:xfrm>
          <a:off x="20383500" y="9641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6</xdr:row>
      <xdr:rowOff>132866</xdr:rowOff>
    </xdr:from>
    <xdr:ext cx="534377" cy="259045"/>
    <xdr:sp macro="" textlink="">
      <xdr:nvSpPr>
        <xdr:cNvPr id="819" name="テキスト ボックス 818"/>
        <xdr:cNvSpPr txBox="1"/>
      </xdr:nvSpPr>
      <xdr:spPr>
        <a:xfrm>
          <a:off x="20167111" y="9734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153663</xdr:rowOff>
    </xdr:from>
    <xdr:to>
      <xdr:col>102</xdr:col>
      <xdr:colOff>165100</xdr:colOff>
      <xdr:row>56</xdr:row>
      <xdr:rowOff>83813</xdr:rowOff>
    </xdr:to>
    <xdr:sp macro="" textlink="">
      <xdr:nvSpPr>
        <xdr:cNvPr id="820" name="楕円 819"/>
        <xdr:cNvSpPr/>
      </xdr:nvSpPr>
      <xdr:spPr>
        <a:xfrm>
          <a:off x="19494500" y="9583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6</xdr:row>
      <xdr:rowOff>74940</xdr:rowOff>
    </xdr:from>
    <xdr:ext cx="534377" cy="259045"/>
    <xdr:sp macro="" textlink="">
      <xdr:nvSpPr>
        <xdr:cNvPr id="821" name="テキスト ボックス 820"/>
        <xdr:cNvSpPr txBox="1"/>
      </xdr:nvSpPr>
      <xdr:spPr>
        <a:xfrm>
          <a:off x="19278111" y="9676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62954</xdr:rowOff>
    </xdr:from>
    <xdr:to>
      <xdr:col>98</xdr:col>
      <xdr:colOff>38100</xdr:colOff>
      <xdr:row>55</xdr:row>
      <xdr:rowOff>164554</xdr:rowOff>
    </xdr:to>
    <xdr:sp macro="" textlink="">
      <xdr:nvSpPr>
        <xdr:cNvPr id="822" name="楕円 821"/>
        <xdr:cNvSpPr/>
      </xdr:nvSpPr>
      <xdr:spPr>
        <a:xfrm>
          <a:off x="18605500" y="9492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5</xdr:row>
      <xdr:rowOff>155681</xdr:rowOff>
    </xdr:from>
    <xdr:ext cx="534377" cy="259045"/>
    <xdr:sp macro="" textlink="">
      <xdr:nvSpPr>
        <xdr:cNvPr id="823" name="テキスト ボックス 822"/>
        <xdr:cNvSpPr txBox="1"/>
      </xdr:nvSpPr>
      <xdr:spPr>
        <a:xfrm>
          <a:off x="18389111" y="958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4" name="テキスト ボックス 833"/>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5" name="直線コネクタ 834"/>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6" name="テキスト ボックス 835"/>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7" name="直線コネクタ 836"/>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8" name="テキスト ボックス 837"/>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9" name="直線コネクタ 838"/>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0" name="テキスト ボックス 839"/>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1" name="直線コネクタ 840"/>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2" name="テキスト ボックス 841"/>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4" name="テキスト ボックス 84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76012</xdr:rowOff>
    </xdr:from>
    <xdr:to>
      <xdr:col>116</xdr:col>
      <xdr:colOff>62864</xdr:colOff>
      <xdr:row>77</xdr:row>
      <xdr:rowOff>111627</xdr:rowOff>
    </xdr:to>
    <xdr:cxnSp macro="">
      <xdr:nvCxnSpPr>
        <xdr:cNvPr id="846" name="直線コネクタ 845"/>
        <xdr:cNvCxnSpPr/>
      </xdr:nvCxnSpPr>
      <xdr:spPr>
        <a:xfrm flipV="1">
          <a:off x="22159595" y="12077512"/>
          <a:ext cx="1269" cy="12357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15454</xdr:rowOff>
    </xdr:from>
    <xdr:ext cx="534377" cy="259045"/>
    <xdr:sp macro="" textlink="">
      <xdr:nvSpPr>
        <xdr:cNvPr id="847" name="繰出金最小値テキスト"/>
        <xdr:cNvSpPr txBox="1"/>
      </xdr:nvSpPr>
      <xdr:spPr>
        <a:xfrm>
          <a:off x="22212300" y="13317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11627</xdr:rowOff>
    </xdr:from>
    <xdr:to>
      <xdr:col>116</xdr:col>
      <xdr:colOff>152400</xdr:colOff>
      <xdr:row>77</xdr:row>
      <xdr:rowOff>111627</xdr:rowOff>
    </xdr:to>
    <xdr:cxnSp macro="">
      <xdr:nvCxnSpPr>
        <xdr:cNvPr id="848" name="直線コネクタ 847"/>
        <xdr:cNvCxnSpPr/>
      </xdr:nvCxnSpPr>
      <xdr:spPr>
        <a:xfrm>
          <a:off x="22072600" y="13313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22689</xdr:rowOff>
    </xdr:from>
    <xdr:ext cx="534377" cy="259045"/>
    <xdr:sp macro="" textlink="">
      <xdr:nvSpPr>
        <xdr:cNvPr id="849" name="繰出金最大値テキスト"/>
        <xdr:cNvSpPr txBox="1"/>
      </xdr:nvSpPr>
      <xdr:spPr>
        <a:xfrm>
          <a:off x="22212300" y="11852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3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76012</xdr:rowOff>
    </xdr:from>
    <xdr:to>
      <xdr:col>116</xdr:col>
      <xdr:colOff>152400</xdr:colOff>
      <xdr:row>70</xdr:row>
      <xdr:rowOff>76012</xdr:rowOff>
    </xdr:to>
    <xdr:cxnSp macro="">
      <xdr:nvCxnSpPr>
        <xdr:cNvPr id="850" name="直線コネクタ 849"/>
        <xdr:cNvCxnSpPr/>
      </xdr:nvCxnSpPr>
      <xdr:spPr>
        <a:xfrm>
          <a:off x="22072600" y="12077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01707</xdr:rowOff>
    </xdr:from>
    <xdr:to>
      <xdr:col>116</xdr:col>
      <xdr:colOff>63500</xdr:colOff>
      <xdr:row>77</xdr:row>
      <xdr:rowOff>102850</xdr:rowOff>
    </xdr:to>
    <xdr:cxnSp macro="">
      <xdr:nvCxnSpPr>
        <xdr:cNvPr id="851" name="直線コネクタ 850"/>
        <xdr:cNvCxnSpPr/>
      </xdr:nvCxnSpPr>
      <xdr:spPr>
        <a:xfrm>
          <a:off x="21323300" y="13303357"/>
          <a:ext cx="8382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08165</xdr:rowOff>
    </xdr:from>
    <xdr:ext cx="534377" cy="259045"/>
    <xdr:sp macro="" textlink="">
      <xdr:nvSpPr>
        <xdr:cNvPr id="852" name="繰出金平均値テキスト"/>
        <xdr:cNvSpPr txBox="1"/>
      </xdr:nvSpPr>
      <xdr:spPr>
        <a:xfrm>
          <a:off x="22212300" y="126240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85288</xdr:rowOff>
    </xdr:from>
    <xdr:to>
      <xdr:col>116</xdr:col>
      <xdr:colOff>114300</xdr:colOff>
      <xdr:row>75</xdr:row>
      <xdr:rowOff>15438</xdr:rowOff>
    </xdr:to>
    <xdr:sp macro="" textlink="">
      <xdr:nvSpPr>
        <xdr:cNvPr id="853" name="フローチャート: 判断 852"/>
        <xdr:cNvSpPr/>
      </xdr:nvSpPr>
      <xdr:spPr>
        <a:xfrm>
          <a:off x="22110700" y="12772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76744</xdr:rowOff>
    </xdr:from>
    <xdr:to>
      <xdr:col>111</xdr:col>
      <xdr:colOff>177800</xdr:colOff>
      <xdr:row>77</xdr:row>
      <xdr:rowOff>101707</xdr:rowOff>
    </xdr:to>
    <xdr:cxnSp macro="">
      <xdr:nvCxnSpPr>
        <xdr:cNvPr id="854" name="直線コネクタ 853"/>
        <xdr:cNvCxnSpPr/>
      </xdr:nvCxnSpPr>
      <xdr:spPr>
        <a:xfrm>
          <a:off x="20434300" y="13278394"/>
          <a:ext cx="889000" cy="24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00056</xdr:rowOff>
    </xdr:from>
    <xdr:to>
      <xdr:col>112</xdr:col>
      <xdr:colOff>38100</xdr:colOff>
      <xdr:row>75</xdr:row>
      <xdr:rowOff>30206</xdr:rowOff>
    </xdr:to>
    <xdr:sp macro="" textlink="">
      <xdr:nvSpPr>
        <xdr:cNvPr id="855" name="フローチャート: 判断 854"/>
        <xdr:cNvSpPr/>
      </xdr:nvSpPr>
      <xdr:spPr>
        <a:xfrm>
          <a:off x="21272500" y="12787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46733</xdr:rowOff>
    </xdr:from>
    <xdr:ext cx="534377" cy="259045"/>
    <xdr:sp macro="" textlink="">
      <xdr:nvSpPr>
        <xdr:cNvPr id="856" name="テキスト ボックス 855"/>
        <xdr:cNvSpPr txBox="1"/>
      </xdr:nvSpPr>
      <xdr:spPr>
        <a:xfrm>
          <a:off x="21056111" y="12562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9079</xdr:rowOff>
    </xdr:from>
    <xdr:to>
      <xdr:col>107</xdr:col>
      <xdr:colOff>50800</xdr:colOff>
      <xdr:row>77</xdr:row>
      <xdr:rowOff>76744</xdr:rowOff>
    </xdr:to>
    <xdr:cxnSp macro="">
      <xdr:nvCxnSpPr>
        <xdr:cNvPr id="857" name="直線コネクタ 856"/>
        <xdr:cNvCxnSpPr/>
      </xdr:nvCxnSpPr>
      <xdr:spPr>
        <a:xfrm>
          <a:off x="19545300" y="13210729"/>
          <a:ext cx="889000" cy="67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12217</xdr:rowOff>
    </xdr:from>
    <xdr:to>
      <xdr:col>107</xdr:col>
      <xdr:colOff>101600</xdr:colOff>
      <xdr:row>75</xdr:row>
      <xdr:rowOff>42367</xdr:rowOff>
    </xdr:to>
    <xdr:sp macro="" textlink="">
      <xdr:nvSpPr>
        <xdr:cNvPr id="858" name="フローチャート: 判断 857"/>
        <xdr:cNvSpPr/>
      </xdr:nvSpPr>
      <xdr:spPr>
        <a:xfrm>
          <a:off x="20383500" y="12799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58894</xdr:rowOff>
    </xdr:from>
    <xdr:ext cx="534377" cy="259045"/>
    <xdr:sp macro="" textlink="">
      <xdr:nvSpPr>
        <xdr:cNvPr id="859" name="テキスト ボックス 858"/>
        <xdr:cNvSpPr txBox="1"/>
      </xdr:nvSpPr>
      <xdr:spPr>
        <a:xfrm>
          <a:off x="20167111" y="12574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9079</xdr:rowOff>
    </xdr:from>
    <xdr:to>
      <xdr:col>102</xdr:col>
      <xdr:colOff>114300</xdr:colOff>
      <xdr:row>77</xdr:row>
      <xdr:rowOff>86939</xdr:rowOff>
    </xdr:to>
    <xdr:cxnSp macro="">
      <xdr:nvCxnSpPr>
        <xdr:cNvPr id="860" name="直線コネクタ 859"/>
        <xdr:cNvCxnSpPr/>
      </xdr:nvCxnSpPr>
      <xdr:spPr>
        <a:xfrm flipV="1">
          <a:off x="18656300" y="13210729"/>
          <a:ext cx="889000" cy="77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56291</xdr:rowOff>
    </xdr:from>
    <xdr:to>
      <xdr:col>102</xdr:col>
      <xdr:colOff>165100</xdr:colOff>
      <xdr:row>74</xdr:row>
      <xdr:rowOff>86441</xdr:rowOff>
    </xdr:to>
    <xdr:sp macro="" textlink="">
      <xdr:nvSpPr>
        <xdr:cNvPr id="861" name="フローチャート: 判断 860"/>
        <xdr:cNvSpPr/>
      </xdr:nvSpPr>
      <xdr:spPr>
        <a:xfrm>
          <a:off x="19494500" y="12672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02968</xdr:rowOff>
    </xdr:from>
    <xdr:ext cx="534377" cy="259045"/>
    <xdr:sp macro="" textlink="">
      <xdr:nvSpPr>
        <xdr:cNvPr id="862" name="テキスト ボックス 861"/>
        <xdr:cNvSpPr txBox="1"/>
      </xdr:nvSpPr>
      <xdr:spPr>
        <a:xfrm>
          <a:off x="19278111" y="12447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70602</xdr:rowOff>
    </xdr:from>
    <xdr:to>
      <xdr:col>98</xdr:col>
      <xdr:colOff>38100</xdr:colOff>
      <xdr:row>75</xdr:row>
      <xdr:rowOff>100752</xdr:rowOff>
    </xdr:to>
    <xdr:sp macro="" textlink="">
      <xdr:nvSpPr>
        <xdr:cNvPr id="863" name="フローチャート: 判断 862"/>
        <xdr:cNvSpPr/>
      </xdr:nvSpPr>
      <xdr:spPr>
        <a:xfrm>
          <a:off x="18605500" y="1285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7279</xdr:rowOff>
    </xdr:from>
    <xdr:ext cx="534377" cy="259045"/>
    <xdr:sp macro="" textlink="">
      <xdr:nvSpPr>
        <xdr:cNvPr id="864" name="テキスト ボックス 863"/>
        <xdr:cNvSpPr txBox="1"/>
      </xdr:nvSpPr>
      <xdr:spPr>
        <a:xfrm>
          <a:off x="18389111" y="12633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52050</xdr:rowOff>
    </xdr:from>
    <xdr:to>
      <xdr:col>116</xdr:col>
      <xdr:colOff>114300</xdr:colOff>
      <xdr:row>77</xdr:row>
      <xdr:rowOff>153650</xdr:rowOff>
    </xdr:to>
    <xdr:sp macro="" textlink="">
      <xdr:nvSpPr>
        <xdr:cNvPr id="870" name="楕円 869"/>
        <xdr:cNvSpPr/>
      </xdr:nvSpPr>
      <xdr:spPr>
        <a:xfrm>
          <a:off x="22110700" y="1325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38427</xdr:rowOff>
    </xdr:from>
    <xdr:ext cx="534377" cy="259045"/>
    <xdr:sp macro="" textlink="">
      <xdr:nvSpPr>
        <xdr:cNvPr id="871" name="繰出金該当値テキスト"/>
        <xdr:cNvSpPr txBox="1"/>
      </xdr:nvSpPr>
      <xdr:spPr>
        <a:xfrm>
          <a:off x="22212300" y="13168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50907</xdr:rowOff>
    </xdr:from>
    <xdr:to>
      <xdr:col>112</xdr:col>
      <xdr:colOff>38100</xdr:colOff>
      <xdr:row>77</xdr:row>
      <xdr:rowOff>152507</xdr:rowOff>
    </xdr:to>
    <xdr:sp macro="" textlink="">
      <xdr:nvSpPr>
        <xdr:cNvPr id="872" name="楕円 871"/>
        <xdr:cNvSpPr/>
      </xdr:nvSpPr>
      <xdr:spPr>
        <a:xfrm>
          <a:off x="21272500" y="13252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43634</xdr:rowOff>
    </xdr:from>
    <xdr:ext cx="534377" cy="259045"/>
    <xdr:sp macro="" textlink="">
      <xdr:nvSpPr>
        <xdr:cNvPr id="873" name="テキスト ボックス 872"/>
        <xdr:cNvSpPr txBox="1"/>
      </xdr:nvSpPr>
      <xdr:spPr>
        <a:xfrm>
          <a:off x="21056111" y="13345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25944</xdr:rowOff>
    </xdr:from>
    <xdr:to>
      <xdr:col>107</xdr:col>
      <xdr:colOff>101600</xdr:colOff>
      <xdr:row>77</xdr:row>
      <xdr:rowOff>127544</xdr:rowOff>
    </xdr:to>
    <xdr:sp macro="" textlink="">
      <xdr:nvSpPr>
        <xdr:cNvPr id="874" name="楕円 873"/>
        <xdr:cNvSpPr/>
      </xdr:nvSpPr>
      <xdr:spPr>
        <a:xfrm>
          <a:off x="20383500" y="13227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18671</xdr:rowOff>
    </xdr:from>
    <xdr:ext cx="534377" cy="259045"/>
    <xdr:sp macro="" textlink="">
      <xdr:nvSpPr>
        <xdr:cNvPr id="875" name="テキスト ボックス 874"/>
        <xdr:cNvSpPr txBox="1"/>
      </xdr:nvSpPr>
      <xdr:spPr>
        <a:xfrm>
          <a:off x="20167111" y="13320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29729</xdr:rowOff>
    </xdr:from>
    <xdr:to>
      <xdr:col>102</xdr:col>
      <xdr:colOff>165100</xdr:colOff>
      <xdr:row>77</xdr:row>
      <xdr:rowOff>59879</xdr:rowOff>
    </xdr:to>
    <xdr:sp macro="" textlink="">
      <xdr:nvSpPr>
        <xdr:cNvPr id="876" name="楕円 875"/>
        <xdr:cNvSpPr/>
      </xdr:nvSpPr>
      <xdr:spPr>
        <a:xfrm>
          <a:off x="19494500" y="13159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51006</xdr:rowOff>
    </xdr:from>
    <xdr:ext cx="534377" cy="259045"/>
    <xdr:sp macro="" textlink="">
      <xdr:nvSpPr>
        <xdr:cNvPr id="877" name="テキスト ボックス 876"/>
        <xdr:cNvSpPr txBox="1"/>
      </xdr:nvSpPr>
      <xdr:spPr>
        <a:xfrm>
          <a:off x="19278111" y="13252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36139</xdr:rowOff>
    </xdr:from>
    <xdr:to>
      <xdr:col>98</xdr:col>
      <xdr:colOff>38100</xdr:colOff>
      <xdr:row>77</xdr:row>
      <xdr:rowOff>137739</xdr:rowOff>
    </xdr:to>
    <xdr:sp macro="" textlink="">
      <xdr:nvSpPr>
        <xdr:cNvPr id="878" name="楕円 877"/>
        <xdr:cNvSpPr/>
      </xdr:nvSpPr>
      <xdr:spPr>
        <a:xfrm>
          <a:off x="18605500" y="13237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128866</xdr:rowOff>
    </xdr:from>
    <xdr:ext cx="534377" cy="259045"/>
    <xdr:sp macro="" textlink="">
      <xdr:nvSpPr>
        <xdr:cNvPr id="879" name="テキスト ボックス 878"/>
        <xdr:cNvSpPr txBox="1"/>
      </xdr:nvSpPr>
      <xdr:spPr>
        <a:xfrm>
          <a:off x="18389111" y="13330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6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となっている。主な構成項目である人件費及び扶助費、公債費について分析すると、まず人件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9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となっており、　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まで、職員定数の削減及び人口の逓増等により継続して減少、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退職手当の増等により増加したが、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退職者数の減等の影響により減少し、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県費負担教職員の市費移管の影響により増加したが、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については、教職員数の増等が生じた一方で、人口の増の影響により減少し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また、扶助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2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となっており、保育所の待機児童対策などの子育て支援施策の強化や障害福祉サービスの利用者及び生活保護受給者の増等により上昇傾向に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さらに、公債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となっており、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高速鉄道事業会計廃止に伴う繰上償還元金の減等により減少し、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満期一括償還積立分の増等により増加、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も同様に満期一括償還積立分の増等により公債費は増加しているものの、人口の逓増により住民１人あたりの金額は減少、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公債償還元金の減等による減及び人口の逓増により住民１人あたりの金額は減少した。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満期一括償還積立金の増等により増加し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00,460
1,458,758
143.01
715,393,440
712,401,058
629,064
368,483,160
814,670,80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1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38</xdr:row>
      <xdr:rowOff>128105</xdr:rowOff>
    </xdr:from>
    <xdr:ext cx="377026" cy="259045"/>
    <xdr:sp macro="" textlink="">
      <xdr:nvSpPr>
        <xdr:cNvPr id="44" name="テキスト ボックス 43"/>
        <xdr:cNvSpPr txBox="1"/>
      </xdr:nvSpPr>
      <xdr:spPr>
        <a:xfrm>
          <a:off x="384974" y="6643205"/>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3970</xdr:rowOff>
    </xdr:from>
    <xdr:to>
      <xdr:col>24</xdr:col>
      <xdr:colOff>62865</xdr:colOff>
      <xdr:row>39</xdr:row>
      <xdr:rowOff>97246</xdr:rowOff>
    </xdr:to>
    <xdr:cxnSp macro="">
      <xdr:nvCxnSpPr>
        <xdr:cNvPr id="58" name="直線コネクタ 57"/>
        <xdr:cNvCxnSpPr/>
      </xdr:nvCxnSpPr>
      <xdr:spPr>
        <a:xfrm flipV="1">
          <a:off x="4633595" y="5328920"/>
          <a:ext cx="1270" cy="14548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01073</xdr:rowOff>
    </xdr:from>
    <xdr:ext cx="378565" cy="259045"/>
    <xdr:sp macro="" textlink="">
      <xdr:nvSpPr>
        <xdr:cNvPr id="59" name="議会費最小値テキスト"/>
        <xdr:cNvSpPr txBox="1"/>
      </xdr:nvSpPr>
      <xdr:spPr>
        <a:xfrm>
          <a:off x="4686300" y="67876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7246</xdr:rowOff>
    </xdr:from>
    <xdr:to>
      <xdr:col>24</xdr:col>
      <xdr:colOff>152400</xdr:colOff>
      <xdr:row>39</xdr:row>
      <xdr:rowOff>97246</xdr:rowOff>
    </xdr:to>
    <xdr:cxnSp macro="">
      <xdr:nvCxnSpPr>
        <xdr:cNvPr id="60" name="直線コネクタ 59"/>
        <xdr:cNvCxnSpPr/>
      </xdr:nvCxnSpPr>
      <xdr:spPr>
        <a:xfrm>
          <a:off x="4546600" y="6783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2097</xdr:rowOff>
    </xdr:from>
    <xdr:ext cx="469744" cy="259045"/>
    <xdr:sp macro="" textlink="">
      <xdr:nvSpPr>
        <xdr:cNvPr id="61" name="議会費最大値テキスト"/>
        <xdr:cNvSpPr txBox="1"/>
      </xdr:nvSpPr>
      <xdr:spPr>
        <a:xfrm>
          <a:off x="4686300" y="5104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9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3970</xdr:rowOff>
    </xdr:from>
    <xdr:to>
      <xdr:col>24</xdr:col>
      <xdr:colOff>152400</xdr:colOff>
      <xdr:row>31</xdr:row>
      <xdr:rowOff>13970</xdr:rowOff>
    </xdr:to>
    <xdr:cxnSp macro="">
      <xdr:nvCxnSpPr>
        <xdr:cNvPr id="62" name="直線コネクタ 61"/>
        <xdr:cNvCxnSpPr/>
      </xdr:nvCxnSpPr>
      <xdr:spPr>
        <a:xfrm>
          <a:off x="4546600" y="5328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25400</xdr:rowOff>
    </xdr:from>
    <xdr:to>
      <xdr:col>24</xdr:col>
      <xdr:colOff>63500</xdr:colOff>
      <xdr:row>36</xdr:row>
      <xdr:rowOff>64589</xdr:rowOff>
    </xdr:to>
    <xdr:cxnSp macro="">
      <xdr:nvCxnSpPr>
        <xdr:cNvPr id="63" name="直線コネクタ 62"/>
        <xdr:cNvCxnSpPr/>
      </xdr:nvCxnSpPr>
      <xdr:spPr>
        <a:xfrm>
          <a:off x="3797300" y="6197600"/>
          <a:ext cx="8382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64028</xdr:rowOff>
    </xdr:from>
    <xdr:ext cx="469744" cy="259045"/>
    <xdr:sp macro="" textlink="">
      <xdr:nvSpPr>
        <xdr:cNvPr id="64" name="議会費平均値テキスト"/>
        <xdr:cNvSpPr txBox="1"/>
      </xdr:nvSpPr>
      <xdr:spPr>
        <a:xfrm>
          <a:off x="4686300" y="599332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1151</xdr:rowOff>
    </xdr:from>
    <xdr:to>
      <xdr:col>24</xdr:col>
      <xdr:colOff>114300</xdr:colOff>
      <xdr:row>36</xdr:row>
      <xdr:rowOff>71301</xdr:rowOff>
    </xdr:to>
    <xdr:sp macro="" textlink="">
      <xdr:nvSpPr>
        <xdr:cNvPr id="65" name="フローチャート: 判断 64"/>
        <xdr:cNvSpPr/>
      </xdr:nvSpPr>
      <xdr:spPr>
        <a:xfrm>
          <a:off x="45847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41333</xdr:rowOff>
    </xdr:from>
    <xdr:to>
      <xdr:col>19</xdr:col>
      <xdr:colOff>177800</xdr:colOff>
      <xdr:row>36</xdr:row>
      <xdr:rowOff>25400</xdr:rowOff>
    </xdr:to>
    <xdr:cxnSp macro="">
      <xdr:nvCxnSpPr>
        <xdr:cNvPr id="66" name="直線コネクタ 65"/>
        <xdr:cNvCxnSpPr/>
      </xdr:nvCxnSpPr>
      <xdr:spPr>
        <a:xfrm>
          <a:off x="2908300" y="6142083"/>
          <a:ext cx="8890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8089</xdr:rowOff>
    </xdr:from>
    <xdr:to>
      <xdr:col>20</xdr:col>
      <xdr:colOff>38100</xdr:colOff>
      <xdr:row>36</xdr:row>
      <xdr:rowOff>58239</xdr:rowOff>
    </xdr:to>
    <xdr:sp macro="" textlink="">
      <xdr:nvSpPr>
        <xdr:cNvPr id="67" name="フローチャート: 判断 66"/>
        <xdr:cNvSpPr/>
      </xdr:nvSpPr>
      <xdr:spPr>
        <a:xfrm>
          <a:off x="3746500" y="6128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4766</xdr:rowOff>
    </xdr:from>
    <xdr:ext cx="469744" cy="259045"/>
    <xdr:sp macro="" textlink="">
      <xdr:nvSpPr>
        <xdr:cNvPr id="68" name="テキスト ボックス 67"/>
        <xdr:cNvSpPr txBox="1"/>
      </xdr:nvSpPr>
      <xdr:spPr>
        <a:xfrm>
          <a:off x="3562428" y="590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46627</xdr:rowOff>
    </xdr:from>
    <xdr:to>
      <xdr:col>15</xdr:col>
      <xdr:colOff>50800</xdr:colOff>
      <xdr:row>35</xdr:row>
      <xdr:rowOff>141333</xdr:rowOff>
    </xdr:to>
    <xdr:cxnSp macro="">
      <xdr:nvCxnSpPr>
        <xdr:cNvPr id="69" name="直線コネクタ 68"/>
        <xdr:cNvCxnSpPr/>
      </xdr:nvCxnSpPr>
      <xdr:spPr>
        <a:xfrm>
          <a:off x="2019300" y="6047377"/>
          <a:ext cx="8890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8292</xdr:rowOff>
    </xdr:from>
    <xdr:to>
      <xdr:col>15</xdr:col>
      <xdr:colOff>101600</xdr:colOff>
      <xdr:row>36</xdr:row>
      <xdr:rowOff>48442</xdr:rowOff>
    </xdr:to>
    <xdr:sp macro="" textlink="">
      <xdr:nvSpPr>
        <xdr:cNvPr id="70" name="フローチャート: 判断 69"/>
        <xdr:cNvSpPr/>
      </xdr:nvSpPr>
      <xdr:spPr>
        <a:xfrm>
          <a:off x="2857500" y="611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39569</xdr:rowOff>
    </xdr:from>
    <xdr:ext cx="469744" cy="259045"/>
    <xdr:sp macro="" textlink="">
      <xdr:nvSpPr>
        <xdr:cNvPr id="71" name="テキスト ボックス 70"/>
        <xdr:cNvSpPr txBox="1"/>
      </xdr:nvSpPr>
      <xdr:spPr>
        <a:xfrm>
          <a:off x="2673428" y="6211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46627</xdr:rowOff>
    </xdr:from>
    <xdr:to>
      <xdr:col>10</xdr:col>
      <xdr:colOff>114300</xdr:colOff>
      <xdr:row>35</xdr:row>
      <xdr:rowOff>111942</xdr:rowOff>
    </xdr:to>
    <xdr:cxnSp macro="">
      <xdr:nvCxnSpPr>
        <xdr:cNvPr id="72" name="直線コネクタ 71"/>
        <xdr:cNvCxnSpPr/>
      </xdr:nvCxnSpPr>
      <xdr:spPr>
        <a:xfrm flipV="1">
          <a:off x="1130300" y="6047377"/>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39914</xdr:rowOff>
    </xdr:from>
    <xdr:to>
      <xdr:col>10</xdr:col>
      <xdr:colOff>165100</xdr:colOff>
      <xdr:row>35</xdr:row>
      <xdr:rowOff>141514</xdr:rowOff>
    </xdr:to>
    <xdr:sp macro="" textlink="">
      <xdr:nvSpPr>
        <xdr:cNvPr id="73" name="フローチャート: 判断 72"/>
        <xdr:cNvSpPr/>
      </xdr:nvSpPr>
      <xdr:spPr>
        <a:xfrm>
          <a:off x="1968500" y="6040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32641</xdr:rowOff>
    </xdr:from>
    <xdr:ext cx="469744" cy="259045"/>
    <xdr:sp macro="" textlink="">
      <xdr:nvSpPr>
        <xdr:cNvPr id="74" name="テキスト ボックス 73"/>
        <xdr:cNvSpPr txBox="1"/>
      </xdr:nvSpPr>
      <xdr:spPr>
        <a:xfrm>
          <a:off x="1784428" y="6133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5431</xdr:rowOff>
    </xdr:from>
    <xdr:to>
      <xdr:col>6</xdr:col>
      <xdr:colOff>38100</xdr:colOff>
      <xdr:row>36</xdr:row>
      <xdr:rowOff>25581</xdr:rowOff>
    </xdr:to>
    <xdr:sp macro="" textlink="">
      <xdr:nvSpPr>
        <xdr:cNvPr id="75" name="フローチャート: 判断 74"/>
        <xdr:cNvSpPr/>
      </xdr:nvSpPr>
      <xdr:spPr>
        <a:xfrm>
          <a:off x="1079500" y="6096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6708</xdr:rowOff>
    </xdr:from>
    <xdr:ext cx="469744" cy="259045"/>
    <xdr:sp macro="" textlink="">
      <xdr:nvSpPr>
        <xdr:cNvPr id="76" name="テキスト ボックス 75"/>
        <xdr:cNvSpPr txBox="1"/>
      </xdr:nvSpPr>
      <xdr:spPr>
        <a:xfrm>
          <a:off x="895428" y="6188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3789</xdr:rowOff>
    </xdr:from>
    <xdr:to>
      <xdr:col>24</xdr:col>
      <xdr:colOff>114300</xdr:colOff>
      <xdr:row>36</xdr:row>
      <xdr:rowOff>115389</xdr:rowOff>
    </xdr:to>
    <xdr:sp macro="" textlink="">
      <xdr:nvSpPr>
        <xdr:cNvPr id="82" name="楕円 81"/>
        <xdr:cNvSpPr/>
      </xdr:nvSpPr>
      <xdr:spPr>
        <a:xfrm>
          <a:off x="4584700" y="6185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63666</xdr:rowOff>
    </xdr:from>
    <xdr:ext cx="469744" cy="259045"/>
    <xdr:sp macro="" textlink="">
      <xdr:nvSpPr>
        <xdr:cNvPr id="83" name="議会費該当値テキスト"/>
        <xdr:cNvSpPr txBox="1"/>
      </xdr:nvSpPr>
      <xdr:spPr>
        <a:xfrm>
          <a:off x="4686300" y="6164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46050</xdr:rowOff>
    </xdr:from>
    <xdr:to>
      <xdr:col>20</xdr:col>
      <xdr:colOff>38100</xdr:colOff>
      <xdr:row>36</xdr:row>
      <xdr:rowOff>76200</xdr:rowOff>
    </xdr:to>
    <xdr:sp macro="" textlink="">
      <xdr:nvSpPr>
        <xdr:cNvPr id="84" name="楕円 83"/>
        <xdr:cNvSpPr/>
      </xdr:nvSpPr>
      <xdr:spPr>
        <a:xfrm>
          <a:off x="3746500" y="614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67327</xdr:rowOff>
    </xdr:from>
    <xdr:ext cx="469744" cy="259045"/>
    <xdr:sp macro="" textlink="">
      <xdr:nvSpPr>
        <xdr:cNvPr id="85" name="テキスト ボックス 84"/>
        <xdr:cNvSpPr txBox="1"/>
      </xdr:nvSpPr>
      <xdr:spPr>
        <a:xfrm>
          <a:off x="3562428" y="6239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90533</xdr:rowOff>
    </xdr:from>
    <xdr:to>
      <xdr:col>15</xdr:col>
      <xdr:colOff>101600</xdr:colOff>
      <xdr:row>36</xdr:row>
      <xdr:rowOff>20683</xdr:rowOff>
    </xdr:to>
    <xdr:sp macro="" textlink="">
      <xdr:nvSpPr>
        <xdr:cNvPr id="86" name="楕円 85"/>
        <xdr:cNvSpPr/>
      </xdr:nvSpPr>
      <xdr:spPr>
        <a:xfrm>
          <a:off x="2857500" y="6091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37210</xdr:rowOff>
    </xdr:from>
    <xdr:ext cx="469744" cy="259045"/>
    <xdr:sp macro="" textlink="">
      <xdr:nvSpPr>
        <xdr:cNvPr id="87" name="テキスト ボックス 86"/>
        <xdr:cNvSpPr txBox="1"/>
      </xdr:nvSpPr>
      <xdr:spPr>
        <a:xfrm>
          <a:off x="2673428" y="5866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67277</xdr:rowOff>
    </xdr:from>
    <xdr:to>
      <xdr:col>10</xdr:col>
      <xdr:colOff>165100</xdr:colOff>
      <xdr:row>35</xdr:row>
      <xdr:rowOff>97427</xdr:rowOff>
    </xdr:to>
    <xdr:sp macro="" textlink="">
      <xdr:nvSpPr>
        <xdr:cNvPr id="88" name="楕円 87"/>
        <xdr:cNvSpPr/>
      </xdr:nvSpPr>
      <xdr:spPr>
        <a:xfrm>
          <a:off x="1968500" y="5996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13954</xdr:rowOff>
    </xdr:from>
    <xdr:ext cx="469744" cy="259045"/>
    <xdr:sp macro="" textlink="">
      <xdr:nvSpPr>
        <xdr:cNvPr id="89" name="テキスト ボックス 88"/>
        <xdr:cNvSpPr txBox="1"/>
      </xdr:nvSpPr>
      <xdr:spPr>
        <a:xfrm>
          <a:off x="1784428" y="5771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1142</xdr:rowOff>
    </xdr:from>
    <xdr:to>
      <xdr:col>6</xdr:col>
      <xdr:colOff>38100</xdr:colOff>
      <xdr:row>35</xdr:row>
      <xdr:rowOff>162742</xdr:rowOff>
    </xdr:to>
    <xdr:sp macro="" textlink="">
      <xdr:nvSpPr>
        <xdr:cNvPr id="90" name="楕円 89"/>
        <xdr:cNvSpPr/>
      </xdr:nvSpPr>
      <xdr:spPr>
        <a:xfrm>
          <a:off x="1079500" y="6061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7819</xdr:rowOff>
    </xdr:from>
    <xdr:ext cx="469744" cy="259045"/>
    <xdr:sp macro="" textlink="">
      <xdr:nvSpPr>
        <xdr:cNvPr id="91" name="テキスト ボックス 90"/>
        <xdr:cNvSpPr txBox="1"/>
      </xdr:nvSpPr>
      <xdr:spPr>
        <a:xfrm>
          <a:off x="895428" y="5837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01570</xdr:rowOff>
    </xdr:from>
    <xdr:to>
      <xdr:col>24</xdr:col>
      <xdr:colOff>62865</xdr:colOff>
      <xdr:row>57</xdr:row>
      <xdr:rowOff>156388</xdr:rowOff>
    </xdr:to>
    <xdr:cxnSp macro="">
      <xdr:nvCxnSpPr>
        <xdr:cNvPr id="114" name="直線コネクタ 113"/>
        <xdr:cNvCxnSpPr/>
      </xdr:nvCxnSpPr>
      <xdr:spPr>
        <a:xfrm flipV="1">
          <a:off x="4633595" y="8845520"/>
          <a:ext cx="1270" cy="1083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0215</xdr:rowOff>
    </xdr:from>
    <xdr:ext cx="534377" cy="259045"/>
    <xdr:sp macro="" textlink="">
      <xdr:nvSpPr>
        <xdr:cNvPr id="115" name="総務費最小値テキスト"/>
        <xdr:cNvSpPr txBox="1"/>
      </xdr:nvSpPr>
      <xdr:spPr>
        <a:xfrm>
          <a:off x="4686300" y="9932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6388</xdr:rowOff>
    </xdr:from>
    <xdr:to>
      <xdr:col>24</xdr:col>
      <xdr:colOff>152400</xdr:colOff>
      <xdr:row>57</xdr:row>
      <xdr:rowOff>156388</xdr:rowOff>
    </xdr:to>
    <xdr:cxnSp macro="">
      <xdr:nvCxnSpPr>
        <xdr:cNvPr id="116" name="直線コネクタ 115"/>
        <xdr:cNvCxnSpPr/>
      </xdr:nvCxnSpPr>
      <xdr:spPr>
        <a:xfrm>
          <a:off x="4546600" y="9929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48247</xdr:rowOff>
    </xdr:from>
    <xdr:ext cx="534377" cy="259045"/>
    <xdr:sp macro="" textlink="">
      <xdr:nvSpPr>
        <xdr:cNvPr id="117" name="総務費最大値テキスト"/>
        <xdr:cNvSpPr txBox="1"/>
      </xdr:nvSpPr>
      <xdr:spPr>
        <a:xfrm>
          <a:off x="4686300" y="8620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0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01570</xdr:rowOff>
    </xdr:from>
    <xdr:to>
      <xdr:col>24</xdr:col>
      <xdr:colOff>152400</xdr:colOff>
      <xdr:row>51</xdr:row>
      <xdr:rowOff>101570</xdr:rowOff>
    </xdr:to>
    <xdr:cxnSp macro="">
      <xdr:nvCxnSpPr>
        <xdr:cNvPr id="118" name="直線コネクタ 117"/>
        <xdr:cNvCxnSpPr/>
      </xdr:nvCxnSpPr>
      <xdr:spPr>
        <a:xfrm>
          <a:off x="4546600" y="8845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01570</xdr:rowOff>
    </xdr:from>
    <xdr:to>
      <xdr:col>24</xdr:col>
      <xdr:colOff>63500</xdr:colOff>
      <xdr:row>53</xdr:row>
      <xdr:rowOff>116749</xdr:rowOff>
    </xdr:to>
    <xdr:cxnSp macro="">
      <xdr:nvCxnSpPr>
        <xdr:cNvPr id="119" name="直線コネクタ 118"/>
        <xdr:cNvCxnSpPr/>
      </xdr:nvCxnSpPr>
      <xdr:spPr>
        <a:xfrm flipV="1">
          <a:off x="3797300" y="8845520"/>
          <a:ext cx="838200" cy="358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50995</xdr:rowOff>
    </xdr:from>
    <xdr:ext cx="534377" cy="259045"/>
    <xdr:sp macro="" textlink="">
      <xdr:nvSpPr>
        <xdr:cNvPr id="120" name="総務費平均値テキスト"/>
        <xdr:cNvSpPr txBox="1"/>
      </xdr:nvSpPr>
      <xdr:spPr>
        <a:xfrm>
          <a:off x="4686300" y="94092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18</xdr:rowOff>
    </xdr:from>
    <xdr:to>
      <xdr:col>24</xdr:col>
      <xdr:colOff>114300</xdr:colOff>
      <xdr:row>55</xdr:row>
      <xdr:rowOff>102718</xdr:rowOff>
    </xdr:to>
    <xdr:sp macro="" textlink="">
      <xdr:nvSpPr>
        <xdr:cNvPr id="121" name="フローチャート: 判断 120"/>
        <xdr:cNvSpPr/>
      </xdr:nvSpPr>
      <xdr:spPr>
        <a:xfrm>
          <a:off x="4584700" y="9430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116749</xdr:rowOff>
    </xdr:from>
    <xdr:to>
      <xdr:col>19</xdr:col>
      <xdr:colOff>177800</xdr:colOff>
      <xdr:row>54</xdr:row>
      <xdr:rowOff>110485</xdr:rowOff>
    </xdr:to>
    <xdr:cxnSp macro="">
      <xdr:nvCxnSpPr>
        <xdr:cNvPr id="122" name="直線コネクタ 121"/>
        <xdr:cNvCxnSpPr/>
      </xdr:nvCxnSpPr>
      <xdr:spPr>
        <a:xfrm flipV="1">
          <a:off x="2908300" y="9203599"/>
          <a:ext cx="889000" cy="165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90089</xdr:rowOff>
    </xdr:from>
    <xdr:to>
      <xdr:col>20</xdr:col>
      <xdr:colOff>38100</xdr:colOff>
      <xdr:row>56</xdr:row>
      <xdr:rowOff>20239</xdr:rowOff>
    </xdr:to>
    <xdr:sp macro="" textlink="">
      <xdr:nvSpPr>
        <xdr:cNvPr id="123" name="フローチャート: 判断 122"/>
        <xdr:cNvSpPr/>
      </xdr:nvSpPr>
      <xdr:spPr>
        <a:xfrm>
          <a:off x="3746500" y="9519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1366</xdr:rowOff>
    </xdr:from>
    <xdr:ext cx="534377" cy="259045"/>
    <xdr:sp macro="" textlink="">
      <xdr:nvSpPr>
        <xdr:cNvPr id="124" name="テキスト ボックス 123"/>
        <xdr:cNvSpPr txBox="1"/>
      </xdr:nvSpPr>
      <xdr:spPr>
        <a:xfrm>
          <a:off x="3530111" y="961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3</xdr:row>
      <xdr:rowOff>129642</xdr:rowOff>
    </xdr:from>
    <xdr:to>
      <xdr:col>15</xdr:col>
      <xdr:colOff>50800</xdr:colOff>
      <xdr:row>54</xdr:row>
      <xdr:rowOff>110485</xdr:rowOff>
    </xdr:to>
    <xdr:cxnSp macro="">
      <xdr:nvCxnSpPr>
        <xdr:cNvPr id="125" name="直線コネクタ 124"/>
        <xdr:cNvCxnSpPr/>
      </xdr:nvCxnSpPr>
      <xdr:spPr>
        <a:xfrm>
          <a:off x="2019300" y="9216492"/>
          <a:ext cx="889000" cy="152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18756</xdr:rowOff>
    </xdr:from>
    <xdr:to>
      <xdr:col>15</xdr:col>
      <xdr:colOff>101600</xdr:colOff>
      <xdr:row>56</xdr:row>
      <xdr:rowOff>48906</xdr:rowOff>
    </xdr:to>
    <xdr:sp macro="" textlink="">
      <xdr:nvSpPr>
        <xdr:cNvPr id="126" name="フローチャート: 判断 125"/>
        <xdr:cNvSpPr/>
      </xdr:nvSpPr>
      <xdr:spPr>
        <a:xfrm>
          <a:off x="2857500" y="9548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40033</xdr:rowOff>
    </xdr:from>
    <xdr:ext cx="534377" cy="259045"/>
    <xdr:sp macro="" textlink="">
      <xdr:nvSpPr>
        <xdr:cNvPr id="127" name="テキスト ボックス 126"/>
        <xdr:cNvSpPr txBox="1"/>
      </xdr:nvSpPr>
      <xdr:spPr>
        <a:xfrm>
          <a:off x="2641111" y="9641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3</xdr:row>
      <xdr:rowOff>129642</xdr:rowOff>
    </xdr:from>
    <xdr:to>
      <xdr:col>10</xdr:col>
      <xdr:colOff>114300</xdr:colOff>
      <xdr:row>54</xdr:row>
      <xdr:rowOff>102621</xdr:rowOff>
    </xdr:to>
    <xdr:cxnSp macro="">
      <xdr:nvCxnSpPr>
        <xdr:cNvPr id="128" name="直線コネクタ 127"/>
        <xdr:cNvCxnSpPr/>
      </xdr:nvCxnSpPr>
      <xdr:spPr>
        <a:xfrm flipV="1">
          <a:off x="1130300" y="9216492"/>
          <a:ext cx="889000" cy="14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1737</xdr:rowOff>
    </xdr:from>
    <xdr:to>
      <xdr:col>10</xdr:col>
      <xdr:colOff>165100</xdr:colOff>
      <xdr:row>55</xdr:row>
      <xdr:rowOff>123337</xdr:rowOff>
    </xdr:to>
    <xdr:sp macro="" textlink="">
      <xdr:nvSpPr>
        <xdr:cNvPr id="129" name="フローチャート: 判断 128"/>
        <xdr:cNvSpPr/>
      </xdr:nvSpPr>
      <xdr:spPr>
        <a:xfrm>
          <a:off x="1968500" y="9451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14464</xdr:rowOff>
    </xdr:from>
    <xdr:ext cx="534377" cy="259045"/>
    <xdr:sp macro="" textlink="">
      <xdr:nvSpPr>
        <xdr:cNvPr id="130" name="テキスト ボックス 129"/>
        <xdr:cNvSpPr txBox="1"/>
      </xdr:nvSpPr>
      <xdr:spPr>
        <a:xfrm>
          <a:off x="1752111" y="9544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53101</xdr:rowOff>
    </xdr:from>
    <xdr:to>
      <xdr:col>6</xdr:col>
      <xdr:colOff>38100</xdr:colOff>
      <xdr:row>55</xdr:row>
      <xdr:rowOff>154701</xdr:rowOff>
    </xdr:to>
    <xdr:sp macro="" textlink="">
      <xdr:nvSpPr>
        <xdr:cNvPr id="131" name="フローチャート: 判断 130"/>
        <xdr:cNvSpPr/>
      </xdr:nvSpPr>
      <xdr:spPr>
        <a:xfrm>
          <a:off x="1079500" y="9482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45828</xdr:rowOff>
    </xdr:from>
    <xdr:ext cx="534377" cy="259045"/>
    <xdr:sp macro="" textlink="">
      <xdr:nvSpPr>
        <xdr:cNvPr id="132" name="テキスト ボックス 131"/>
        <xdr:cNvSpPr txBox="1"/>
      </xdr:nvSpPr>
      <xdr:spPr>
        <a:xfrm>
          <a:off x="863111" y="9575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1</xdr:row>
      <xdr:rowOff>50770</xdr:rowOff>
    </xdr:from>
    <xdr:to>
      <xdr:col>24</xdr:col>
      <xdr:colOff>114300</xdr:colOff>
      <xdr:row>51</xdr:row>
      <xdr:rowOff>152370</xdr:rowOff>
    </xdr:to>
    <xdr:sp macro="" textlink="">
      <xdr:nvSpPr>
        <xdr:cNvPr id="138" name="楕円 137"/>
        <xdr:cNvSpPr/>
      </xdr:nvSpPr>
      <xdr:spPr>
        <a:xfrm>
          <a:off x="4584700" y="879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1</xdr:row>
      <xdr:rowOff>3797</xdr:rowOff>
    </xdr:from>
    <xdr:ext cx="534377" cy="259045"/>
    <xdr:sp macro="" textlink="">
      <xdr:nvSpPr>
        <xdr:cNvPr id="139" name="総務費該当値テキスト"/>
        <xdr:cNvSpPr txBox="1"/>
      </xdr:nvSpPr>
      <xdr:spPr>
        <a:xfrm>
          <a:off x="4686300" y="8747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65949</xdr:rowOff>
    </xdr:from>
    <xdr:to>
      <xdr:col>20</xdr:col>
      <xdr:colOff>38100</xdr:colOff>
      <xdr:row>53</xdr:row>
      <xdr:rowOff>167549</xdr:rowOff>
    </xdr:to>
    <xdr:sp macro="" textlink="">
      <xdr:nvSpPr>
        <xdr:cNvPr id="140" name="楕円 139"/>
        <xdr:cNvSpPr/>
      </xdr:nvSpPr>
      <xdr:spPr>
        <a:xfrm>
          <a:off x="3746500" y="9152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12626</xdr:rowOff>
    </xdr:from>
    <xdr:ext cx="534377" cy="259045"/>
    <xdr:sp macro="" textlink="">
      <xdr:nvSpPr>
        <xdr:cNvPr id="141" name="テキスト ボックス 140"/>
        <xdr:cNvSpPr txBox="1"/>
      </xdr:nvSpPr>
      <xdr:spPr>
        <a:xfrm>
          <a:off x="3530111" y="8928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59685</xdr:rowOff>
    </xdr:from>
    <xdr:to>
      <xdr:col>15</xdr:col>
      <xdr:colOff>101600</xdr:colOff>
      <xdr:row>54</xdr:row>
      <xdr:rowOff>161285</xdr:rowOff>
    </xdr:to>
    <xdr:sp macro="" textlink="">
      <xdr:nvSpPr>
        <xdr:cNvPr id="142" name="楕円 141"/>
        <xdr:cNvSpPr/>
      </xdr:nvSpPr>
      <xdr:spPr>
        <a:xfrm>
          <a:off x="2857500" y="9317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6362</xdr:rowOff>
    </xdr:from>
    <xdr:ext cx="534377" cy="259045"/>
    <xdr:sp macro="" textlink="">
      <xdr:nvSpPr>
        <xdr:cNvPr id="143" name="テキスト ボックス 142"/>
        <xdr:cNvSpPr txBox="1"/>
      </xdr:nvSpPr>
      <xdr:spPr>
        <a:xfrm>
          <a:off x="2641111" y="9093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3</xdr:row>
      <xdr:rowOff>78842</xdr:rowOff>
    </xdr:from>
    <xdr:to>
      <xdr:col>10</xdr:col>
      <xdr:colOff>165100</xdr:colOff>
      <xdr:row>54</xdr:row>
      <xdr:rowOff>8992</xdr:rowOff>
    </xdr:to>
    <xdr:sp macro="" textlink="">
      <xdr:nvSpPr>
        <xdr:cNvPr id="144" name="楕円 143"/>
        <xdr:cNvSpPr/>
      </xdr:nvSpPr>
      <xdr:spPr>
        <a:xfrm>
          <a:off x="1968500" y="9165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2</xdr:row>
      <xdr:rowOff>25519</xdr:rowOff>
    </xdr:from>
    <xdr:ext cx="534377" cy="259045"/>
    <xdr:sp macro="" textlink="">
      <xdr:nvSpPr>
        <xdr:cNvPr id="145" name="テキスト ボックス 144"/>
        <xdr:cNvSpPr txBox="1"/>
      </xdr:nvSpPr>
      <xdr:spPr>
        <a:xfrm>
          <a:off x="1752111" y="8940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51821</xdr:rowOff>
    </xdr:from>
    <xdr:to>
      <xdr:col>6</xdr:col>
      <xdr:colOff>38100</xdr:colOff>
      <xdr:row>54</xdr:row>
      <xdr:rowOff>153421</xdr:rowOff>
    </xdr:to>
    <xdr:sp macro="" textlink="">
      <xdr:nvSpPr>
        <xdr:cNvPr id="146" name="楕円 145"/>
        <xdr:cNvSpPr/>
      </xdr:nvSpPr>
      <xdr:spPr>
        <a:xfrm>
          <a:off x="1079500" y="9310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2</xdr:row>
      <xdr:rowOff>169948</xdr:rowOff>
    </xdr:from>
    <xdr:ext cx="534377" cy="259045"/>
    <xdr:sp macro="" textlink="">
      <xdr:nvSpPr>
        <xdr:cNvPr id="147" name="テキスト ボックス 146"/>
        <xdr:cNvSpPr txBox="1"/>
      </xdr:nvSpPr>
      <xdr:spPr>
        <a:xfrm>
          <a:off x="863111" y="9085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8" name="テキスト ボックス 157"/>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0" name="テキスト ボックス 159"/>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8561</xdr:rowOff>
    </xdr:from>
    <xdr:to>
      <xdr:col>24</xdr:col>
      <xdr:colOff>62865</xdr:colOff>
      <xdr:row>79</xdr:row>
      <xdr:rowOff>43960</xdr:rowOff>
    </xdr:to>
    <xdr:cxnSp macro="">
      <xdr:nvCxnSpPr>
        <xdr:cNvPr id="174" name="直線コネクタ 173"/>
        <xdr:cNvCxnSpPr/>
      </xdr:nvCxnSpPr>
      <xdr:spPr>
        <a:xfrm flipV="1">
          <a:off x="4633595" y="12040061"/>
          <a:ext cx="1270" cy="15484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7787</xdr:rowOff>
    </xdr:from>
    <xdr:ext cx="599010" cy="259045"/>
    <xdr:sp macro="" textlink="">
      <xdr:nvSpPr>
        <xdr:cNvPr id="175" name="民生費最小値テキスト"/>
        <xdr:cNvSpPr txBox="1"/>
      </xdr:nvSpPr>
      <xdr:spPr>
        <a:xfrm>
          <a:off x="4686300" y="135923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3960</xdr:rowOff>
    </xdr:from>
    <xdr:to>
      <xdr:col>24</xdr:col>
      <xdr:colOff>152400</xdr:colOff>
      <xdr:row>79</xdr:row>
      <xdr:rowOff>43960</xdr:rowOff>
    </xdr:to>
    <xdr:cxnSp macro="">
      <xdr:nvCxnSpPr>
        <xdr:cNvPr id="176" name="直線コネクタ 175"/>
        <xdr:cNvCxnSpPr/>
      </xdr:nvCxnSpPr>
      <xdr:spPr>
        <a:xfrm>
          <a:off x="4546600" y="1358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56688</xdr:rowOff>
    </xdr:from>
    <xdr:ext cx="599010" cy="259045"/>
    <xdr:sp macro="" textlink="">
      <xdr:nvSpPr>
        <xdr:cNvPr id="177" name="民生費最大値テキスト"/>
        <xdr:cNvSpPr txBox="1"/>
      </xdr:nvSpPr>
      <xdr:spPr>
        <a:xfrm>
          <a:off x="4686300" y="11815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7,29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38561</xdr:rowOff>
    </xdr:from>
    <xdr:to>
      <xdr:col>24</xdr:col>
      <xdr:colOff>152400</xdr:colOff>
      <xdr:row>70</xdr:row>
      <xdr:rowOff>38561</xdr:rowOff>
    </xdr:to>
    <xdr:cxnSp macro="">
      <xdr:nvCxnSpPr>
        <xdr:cNvPr id="178" name="直線コネクタ 177"/>
        <xdr:cNvCxnSpPr/>
      </xdr:nvCxnSpPr>
      <xdr:spPr>
        <a:xfrm>
          <a:off x="4546600" y="12040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87209</xdr:rowOff>
    </xdr:from>
    <xdr:to>
      <xdr:col>24</xdr:col>
      <xdr:colOff>63500</xdr:colOff>
      <xdr:row>76</xdr:row>
      <xdr:rowOff>91422</xdr:rowOff>
    </xdr:to>
    <xdr:cxnSp macro="">
      <xdr:nvCxnSpPr>
        <xdr:cNvPr id="179" name="直線コネクタ 178"/>
        <xdr:cNvCxnSpPr/>
      </xdr:nvCxnSpPr>
      <xdr:spPr>
        <a:xfrm flipV="1">
          <a:off x="3797300" y="13117409"/>
          <a:ext cx="838200" cy="4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29438</xdr:rowOff>
    </xdr:from>
    <xdr:ext cx="599010" cy="259045"/>
    <xdr:sp macro="" textlink="">
      <xdr:nvSpPr>
        <xdr:cNvPr id="180" name="民生費平均値テキスト"/>
        <xdr:cNvSpPr txBox="1"/>
      </xdr:nvSpPr>
      <xdr:spPr>
        <a:xfrm>
          <a:off x="4686300" y="127167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6561</xdr:rowOff>
    </xdr:from>
    <xdr:to>
      <xdr:col>24</xdr:col>
      <xdr:colOff>114300</xdr:colOff>
      <xdr:row>75</xdr:row>
      <xdr:rowOff>108161</xdr:rowOff>
    </xdr:to>
    <xdr:sp macro="" textlink="">
      <xdr:nvSpPr>
        <xdr:cNvPr id="181" name="フローチャート: 判断 180"/>
        <xdr:cNvSpPr/>
      </xdr:nvSpPr>
      <xdr:spPr>
        <a:xfrm>
          <a:off x="4584700" y="1286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91422</xdr:rowOff>
    </xdr:from>
    <xdr:to>
      <xdr:col>19</xdr:col>
      <xdr:colOff>177800</xdr:colOff>
      <xdr:row>76</xdr:row>
      <xdr:rowOff>151391</xdr:rowOff>
    </xdr:to>
    <xdr:cxnSp macro="">
      <xdr:nvCxnSpPr>
        <xdr:cNvPr id="182" name="直線コネクタ 181"/>
        <xdr:cNvCxnSpPr/>
      </xdr:nvCxnSpPr>
      <xdr:spPr>
        <a:xfrm flipV="1">
          <a:off x="2908300" y="13121622"/>
          <a:ext cx="889000" cy="59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68213</xdr:rowOff>
    </xdr:from>
    <xdr:to>
      <xdr:col>20</xdr:col>
      <xdr:colOff>38100</xdr:colOff>
      <xdr:row>75</xdr:row>
      <xdr:rowOff>98363</xdr:rowOff>
    </xdr:to>
    <xdr:sp macro="" textlink="">
      <xdr:nvSpPr>
        <xdr:cNvPr id="183" name="フローチャート: 判断 182"/>
        <xdr:cNvSpPr/>
      </xdr:nvSpPr>
      <xdr:spPr>
        <a:xfrm>
          <a:off x="3746500" y="12855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14890</xdr:rowOff>
    </xdr:from>
    <xdr:ext cx="599010" cy="259045"/>
    <xdr:sp macro="" textlink="">
      <xdr:nvSpPr>
        <xdr:cNvPr id="184" name="テキスト ボックス 183"/>
        <xdr:cNvSpPr txBox="1"/>
      </xdr:nvSpPr>
      <xdr:spPr>
        <a:xfrm>
          <a:off x="3497795" y="126307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49693</xdr:rowOff>
    </xdr:from>
    <xdr:to>
      <xdr:col>15</xdr:col>
      <xdr:colOff>50800</xdr:colOff>
      <xdr:row>76</xdr:row>
      <xdr:rowOff>151391</xdr:rowOff>
    </xdr:to>
    <xdr:cxnSp macro="">
      <xdr:nvCxnSpPr>
        <xdr:cNvPr id="185" name="直線コネクタ 184"/>
        <xdr:cNvCxnSpPr/>
      </xdr:nvCxnSpPr>
      <xdr:spPr>
        <a:xfrm>
          <a:off x="2019300" y="13179893"/>
          <a:ext cx="889000" cy="1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27831</xdr:rowOff>
    </xdr:from>
    <xdr:to>
      <xdr:col>15</xdr:col>
      <xdr:colOff>101600</xdr:colOff>
      <xdr:row>75</xdr:row>
      <xdr:rowOff>129431</xdr:rowOff>
    </xdr:to>
    <xdr:sp macro="" textlink="">
      <xdr:nvSpPr>
        <xdr:cNvPr id="186" name="フローチャート: 判断 185"/>
        <xdr:cNvSpPr/>
      </xdr:nvSpPr>
      <xdr:spPr>
        <a:xfrm>
          <a:off x="2857500" y="12886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45958</xdr:rowOff>
    </xdr:from>
    <xdr:ext cx="599010" cy="259045"/>
    <xdr:sp macro="" textlink="">
      <xdr:nvSpPr>
        <xdr:cNvPr id="187" name="テキスト ボックス 186"/>
        <xdr:cNvSpPr txBox="1"/>
      </xdr:nvSpPr>
      <xdr:spPr>
        <a:xfrm>
          <a:off x="2608795" y="12661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49693</xdr:rowOff>
    </xdr:from>
    <xdr:to>
      <xdr:col>10</xdr:col>
      <xdr:colOff>114300</xdr:colOff>
      <xdr:row>77</xdr:row>
      <xdr:rowOff>41500</xdr:rowOff>
    </xdr:to>
    <xdr:cxnSp macro="">
      <xdr:nvCxnSpPr>
        <xdr:cNvPr id="188" name="直線コネクタ 187"/>
        <xdr:cNvCxnSpPr/>
      </xdr:nvCxnSpPr>
      <xdr:spPr>
        <a:xfrm flipV="1">
          <a:off x="1130300" y="13179893"/>
          <a:ext cx="889000" cy="63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97761</xdr:rowOff>
    </xdr:from>
    <xdr:to>
      <xdr:col>10</xdr:col>
      <xdr:colOff>165100</xdr:colOff>
      <xdr:row>76</xdr:row>
      <xdr:rowOff>27911</xdr:rowOff>
    </xdr:to>
    <xdr:sp macro="" textlink="">
      <xdr:nvSpPr>
        <xdr:cNvPr id="189" name="フローチャート: 判断 188"/>
        <xdr:cNvSpPr/>
      </xdr:nvSpPr>
      <xdr:spPr>
        <a:xfrm>
          <a:off x="1968500" y="12956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44438</xdr:rowOff>
    </xdr:from>
    <xdr:ext cx="599010" cy="259045"/>
    <xdr:sp macro="" textlink="">
      <xdr:nvSpPr>
        <xdr:cNvPr id="190" name="テキスト ボックス 189"/>
        <xdr:cNvSpPr txBox="1"/>
      </xdr:nvSpPr>
      <xdr:spPr>
        <a:xfrm>
          <a:off x="1719795" y="127317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47650</xdr:rowOff>
    </xdr:from>
    <xdr:to>
      <xdr:col>6</xdr:col>
      <xdr:colOff>38100</xdr:colOff>
      <xdr:row>76</xdr:row>
      <xdr:rowOff>77800</xdr:rowOff>
    </xdr:to>
    <xdr:sp macro="" textlink="">
      <xdr:nvSpPr>
        <xdr:cNvPr id="191" name="フローチャート: 判断 190"/>
        <xdr:cNvSpPr/>
      </xdr:nvSpPr>
      <xdr:spPr>
        <a:xfrm>
          <a:off x="1079500" y="130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94327</xdr:rowOff>
    </xdr:from>
    <xdr:ext cx="599010" cy="259045"/>
    <xdr:sp macro="" textlink="">
      <xdr:nvSpPr>
        <xdr:cNvPr id="192" name="テキスト ボックス 191"/>
        <xdr:cNvSpPr txBox="1"/>
      </xdr:nvSpPr>
      <xdr:spPr>
        <a:xfrm>
          <a:off x="830795" y="12781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6409</xdr:rowOff>
    </xdr:from>
    <xdr:to>
      <xdr:col>24</xdr:col>
      <xdr:colOff>114300</xdr:colOff>
      <xdr:row>76</xdr:row>
      <xdr:rowOff>138009</xdr:rowOff>
    </xdr:to>
    <xdr:sp macro="" textlink="">
      <xdr:nvSpPr>
        <xdr:cNvPr id="198" name="楕円 197"/>
        <xdr:cNvSpPr/>
      </xdr:nvSpPr>
      <xdr:spPr>
        <a:xfrm>
          <a:off x="4584700" y="13066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4836</xdr:rowOff>
    </xdr:from>
    <xdr:ext cx="599010" cy="259045"/>
    <xdr:sp macro="" textlink="">
      <xdr:nvSpPr>
        <xdr:cNvPr id="199" name="民生費該当値テキスト"/>
        <xdr:cNvSpPr txBox="1"/>
      </xdr:nvSpPr>
      <xdr:spPr>
        <a:xfrm>
          <a:off x="4686300" y="13045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40622</xdr:rowOff>
    </xdr:from>
    <xdr:to>
      <xdr:col>20</xdr:col>
      <xdr:colOff>38100</xdr:colOff>
      <xdr:row>76</xdr:row>
      <xdr:rowOff>142222</xdr:rowOff>
    </xdr:to>
    <xdr:sp macro="" textlink="">
      <xdr:nvSpPr>
        <xdr:cNvPr id="200" name="楕円 199"/>
        <xdr:cNvSpPr/>
      </xdr:nvSpPr>
      <xdr:spPr>
        <a:xfrm>
          <a:off x="3746500" y="1307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33349</xdr:rowOff>
    </xdr:from>
    <xdr:ext cx="599010" cy="259045"/>
    <xdr:sp macro="" textlink="">
      <xdr:nvSpPr>
        <xdr:cNvPr id="201" name="テキスト ボックス 200"/>
        <xdr:cNvSpPr txBox="1"/>
      </xdr:nvSpPr>
      <xdr:spPr>
        <a:xfrm>
          <a:off x="3497795" y="131635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00591</xdr:rowOff>
    </xdr:from>
    <xdr:to>
      <xdr:col>15</xdr:col>
      <xdr:colOff>101600</xdr:colOff>
      <xdr:row>77</xdr:row>
      <xdr:rowOff>30741</xdr:rowOff>
    </xdr:to>
    <xdr:sp macro="" textlink="">
      <xdr:nvSpPr>
        <xdr:cNvPr id="202" name="楕円 201"/>
        <xdr:cNvSpPr/>
      </xdr:nvSpPr>
      <xdr:spPr>
        <a:xfrm>
          <a:off x="2857500" y="13130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21868</xdr:rowOff>
    </xdr:from>
    <xdr:ext cx="599010" cy="259045"/>
    <xdr:sp macro="" textlink="">
      <xdr:nvSpPr>
        <xdr:cNvPr id="203" name="テキスト ボックス 202"/>
        <xdr:cNvSpPr txBox="1"/>
      </xdr:nvSpPr>
      <xdr:spPr>
        <a:xfrm>
          <a:off x="2608795" y="132235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98893</xdr:rowOff>
    </xdr:from>
    <xdr:to>
      <xdr:col>10</xdr:col>
      <xdr:colOff>165100</xdr:colOff>
      <xdr:row>77</xdr:row>
      <xdr:rowOff>29043</xdr:rowOff>
    </xdr:to>
    <xdr:sp macro="" textlink="">
      <xdr:nvSpPr>
        <xdr:cNvPr id="204" name="楕円 203"/>
        <xdr:cNvSpPr/>
      </xdr:nvSpPr>
      <xdr:spPr>
        <a:xfrm>
          <a:off x="1968500" y="13129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0170</xdr:rowOff>
    </xdr:from>
    <xdr:ext cx="599010" cy="259045"/>
    <xdr:sp macro="" textlink="">
      <xdr:nvSpPr>
        <xdr:cNvPr id="205" name="テキスト ボックス 204"/>
        <xdr:cNvSpPr txBox="1"/>
      </xdr:nvSpPr>
      <xdr:spPr>
        <a:xfrm>
          <a:off x="1719795" y="13221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2150</xdr:rowOff>
    </xdr:from>
    <xdr:to>
      <xdr:col>6</xdr:col>
      <xdr:colOff>38100</xdr:colOff>
      <xdr:row>77</xdr:row>
      <xdr:rowOff>92300</xdr:rowOff>
    </xdr:to>
    <xdr:sp macro="" textlink="">
      <xdr:nvSpPr>
        <xdr:cNvPr id="206" name="楕円 205"/>
        <xdr:cNvSpPr/>
      </xdr:nvSpPr>
      <xdr:spPr>
        <a:xfrm>
          <a:off x="1079500" y="13192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83427</xdr:rowOff>
    </xdr:from>
    <xdr:ext cx="599010" cy="259045"/>
    <xdr:sp macro="" textlink="">
      <xdr:nvSpPr>
        <xdr:cNvPr id="207" name="テキスト ボックス 206"/>
        <xdr:cNvSpPr txBox="1"/>
      </xdr:nvSpPr>
      <xdr:spPr>
        <a:xfrm>
          <a:off x="830795" y="132850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6" name="テキスト ボックス 225"/>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28" name="テキスト ボックス 227"/>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0" name="テキスト ボックス 229"/>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930</xdr:rowOff>
    </xdr:from>
    <xdr:to>
      <xdr:col>24</xdr:col>
      <xdr:colOff>62865</xdr:colOff>
      <xdr:row>97</xdr:row>
      <xdr:rowOff>143511</xdr:rowOff>
    </xdr:to>
    <xdr:cxnSp macro="">
      <xdr:nvCxnSpPr>
        <xdr:cNvPr id="232" name="直線コネクタ 231"/>
        <xdr:cNvCxnSpPr/>
      </xdr:nvCxnSpPr>
      <xdr:spPr>
        <a:xfrm flipV="1">
          <a:off x="4633595" y="15603880"/>
          <a:ext cx="1270" cy="1170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7338</xdr:rowOff>
    </xdr:from>
    <xdr:ext cx="534377" cy="259045"/>
    <xdr:sp macro="" textlink="">
      <xdr:nvSpPr>
        <xdr:cNvPr id="233" name="衛生費最小値テキスト"/>
        <xdr:cNvSpPr txBox="1"/>
      </xdr:nvSpPr>
      <xdr:spPr>
        <a:xfrm>
          <a:off x="4686300" y="16777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4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43511</xdr:rowOff>
    </xdr:from>
    <xdr:to>
      <xdr:col>24</xdr:col>
      <xdr:colOff>152400</xdr:colOff>
      <xdr:row>97</xdr:row>
      <xdr:rowOff>143511</xdr:rowOff>
    </xdr:to>
    <xdr:cxnSp macro="">
      <xdr:nvCxnSpPr>
        <xdr:cNvPr id="234" name="直線コネクタ 233"/>
        <xdr:cNvCxnSpPr/>
      </xdr:nvCxnSpPr>
      <xdr:spPr>
        <a:xfrm>
          <a:off x="4546600" y="16774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20057</xdr:rowOff>
    </xdr:from>
    <xdr:ext cx="534377" cy="259045"/>
    <xdr:sp macro="" textlink="">
      <xdr:nvSpPr>
        <xdr:cNvPr id="235" name="衛生費最大値テキスト"/>
        <xdr:cNvSpPr txBox="1"/>
      </xdr:nvSpPr>
      <xdr:spPr>
        <a:xfrm>
          <a:off x="4686300" y="15379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11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930</xdr:rowOff>
    </xdr:from>
    <xdr:to>
      <xdr:col>24</xdr:col>
      <xdr:colOff>152400</xdr:colOff>
      <xdr:row>91</xdr:row>
      <xdr:rowOff>1930</xdr:rowOff>
    </xdr:to>
    <xdr:cxnSp macro="">
      <xdr:nvCxnSpPr>
        <xdr:cNvPr id="236" name="直線コネクタ 235"/>
        <xdr:cNvCxnSpPr/>
      </xdr:nvCxnSpPr>
      <xdr:spPr>
        <a:xfrm>
          <a:off x="4546600" y="15603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04533</xdr:rowOff>
    </xdr:from>
    <xdr:to>
      <xdr:col>24</xdr:col>
      <xdr:colOff>63500</xdr:colOff>
      <xdr:row>94</xdr:row>
      <xdr:rowOff>160046</xdr:rowOff>
    </xdr:to>
    <xdr:cxnSp macro="">
      <xdr:nvCxnSpPr>
        <xdr:cNvPr id="237" name="直線コネクタ 236"/>
        <xdr:cNvCxnSpPr/>
      </xdr:nvCxnSpPr>
      <xdr:spPr>
        <a:xfrm flipV="1">
          <a:off x="3797300" y="16220833"/>
          <a:ext cx="838200" cy="55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00970</xdr:rowOff>
    </xdr:from>
    <xdr:ext cx="534377" cy="259045"/>
    <xdr:sp macro="" textlink="">
      <xdr:nvSpPr>
        <xdr:cNvPr id="238" name="衛生費平均値テキスト"/>
        <xdr:cNvSpPr txBox="1"/>
      </xdr:nvSpPr>
      <xdr:spPr>
        <a:xfrm>
          <a:off x="4686300" y="163887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2543</xdr:rowOff>
    </xdr:from>
    <xdr:to>
      <xdr:col>24</xdr:col>
      <xdr:colOff>114300</xdr:colOff>
      <xdr:row>96</xdr:row>
      <xdr:rowOff>52693</xdr:rowOff>
    </xdr:to>
    <xdr:sp macro="" textlink="">
      <xdr:nvSpPr>
        <xdr:cNvPr id="239" name="フローチャート: 判断 238"/>
        <xdr:cNvSpPr/>
      </xdr:nvSpPr>
      <xdr:spPr>
        <a:xfrm>
          <a:off x="4584700" y="16410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60046</xdr:rowOff>
    </xdr:from>
    <xdr:to>
      <xdr:col>19</xdr:col>
      <xdr:colOff>177800</xdr:colOff>
      <xdr:row>95</xdr:row>
      <xdr:rowOff>7493</xdr:rowOff>
    </xdr:to>
    <xdr:cxnSp macro="">
      <xdr:nvCxnSpPr>
        <xdr:cNvPr id="240" name="直線コネクタ 239"/>
        <xdr:cNvCxnSpPr/>
      </xdr:nvCxnSpPr>
      <xdr:spPr>
        <a:xfrm flipV="1">
          <a:off x="2908300" y="16276346"/>
          <a:ext cx="889000" cy="18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0565</xdr:rowOff>
    </xdr:from>
    <xdr:to>
      <xdr:col>20</xdr:col>
      <xdr:colOff>38100</xdr:colOff>
      <xdr:row>96</xdr:row>
      <xdr:rowOff>90715</xdr:rowOff>
    </xdr:to>
    <xdr:sp macro="" textlink="">
      <xdr:nvSpPr>
        <xdr:cNvPr id="241" name="フローチャート: 判断 240"/>
        <xdr:cNvSpPr/>
      </xdr:nvSpPr>
      <xdr:spPr>
        <a:xfrm>
          <a:off x="3746500" y="16448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81842</xdr:rowOff>
    </xdr:from>
    <xdr:ext cx="534377" cy="259045"/>
    <xdr:sp macro="" textlink="">
      <xdr:nvSpPr>
        <xdr:cNvPr id="242" name="テキスト ボックス 241"/>
        <xdr:cNvSpPr txBox="1"/>
      </xdr:nvSpPr>
      <xdr:spPr>
        <a:xfrm>
          <a:off x="3530111" y="16541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92875</xdr:rowOff>
    </xdr:from>
    <xdr:to>
      <xdr:col>15</xdr:col>
      <xdr:colOff>50800</xdr:colOff>
      <xdr:row>95</xdr:row>
      <xdr:rowOff>7493</xdr:rowOff>
    </xdr:to>
    <xdr:cxnSp macro="">
      <xdr:nvCxnSpPr>
        <xdr:cNvPr id="243" name="直線コネクタ 242"/>
        <xdr:cNvCxnSpPr/>
      </xdr:nvCxnSpPr>
      <xdr:spPr>
        <a:xfrm>
          <a:off x="2019300" y="16209175"/>
          <a:ext cx="889000" cy="86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2910</xdr:rowOff>
    </xdr:from>
    <xdr:to>
      <xdr:col>15</xdr:col>
      <xdr:colOff>101600</xdr:colOff>
      <xdr:row>96</xdr:row>
      <xdr:rowOff>124510</xdr:rowOff>
    </xdr:to>
    <xdr:sp macro="" textlink="">
      <xdr:nvSpPr>
        <xdr:cNvPr id="244" name="フローチャート: 判断 243"/>
        <xdr:cNvSpPr/>
      </xdr:nvSpPr>
      <xdr:spPr>
        <a:xfrm>
          <a:off x="2857500" y="1648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15637</xdr:rowOff>
    </xdr:from>
    <xdr:ext cx="534377" cy="259045"/>
    <xdr:sp macro="" textlink="">
      <xdr:nvSpPr>
        <xdr:cNvPr id="245" name="テキスト ボックス 244"/>
        <xdr:cNvSpPr txBox="1"/>
      </xdr:nvSpPr>
      <xdr:spPr>
        <a:xfrm>
          <a:off x="2641111" y="16574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42583</xdr:rowOff>
    </xdr:from>
    <xdr:to>
      <xdr:col>10</xdr:col>
      <xdr:colOff>114300</xdr:colOff>
      <xdr:row>94</xdr:row>
      <xdr:rowOff>92875</xdr:rowOff>
    </xdr:to>
    <xdr:cxnSp macro="">
      <xdr:nvCxnSpPr>
        <xdr:cNvPr id="246" name="直線コネクタ 245"/>
        <xdr:cNvCxnSpPr/>
      </xdr:nvCxnSpPr>
      <xdr:spPr>
        <a:xfrm>
          <a:off x="1130300" y="16158883"/>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28854</xdr:rowOff>
    </xdr:from>
    <xdr:to>
      <xdr:col>10</xdr:col>
      <xdr:colOff>165100</xdr:colOff>
      <xdr:row>96</xdr:row>
      <xdr:rowOff>130454</xdr:rowOff>
    </xdr:to>
    <xdr:sp macro="" textlink="">
      <xdr:nvSpPr>
        <xdr:cNvPr id="247" name="フローチャート: 判断 246"/>
        <xdr:cNvSpPr/>
      </xdr:nvSpPr>
      <xdr:spPr>
        <a:xfrm>
          <a:off x="1968500" y="16488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21581</xdr:rowOff>
    </xdr:from>
    <xdr:ext cx="534377" cy="259045"/>
    <xdr:sp macro="" textlink="">
      <xdr:nvSpPr>
        <xdr:cNvPr id="248" name="テキスト ボックス 247"/>
        <xdr:cNvSpPr txBox="1"/>
      </xdr:nvSpPr>
      <xdr:spPr>
        <a:xfrm>
          <a:off x="1752111" y="16580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67729</xdr:rowOff>
    </xdr:from>
    <xdr:to>
      <xdr:col>6</xdr:col>
      <xdr:colOff>38100</xdr:colOff>
      <xdr:row>96</xdr:row>
      <xdr:rowOff>97879</xdr:rowOff>
    </xdr:to>
    <xdr:sp macro="" textlink="">
      <xdr:nvSpPr>
        <xdr:cNvPr id="249" name="フローチャート: 判断 248"/>
        <xdr:cNvSpPr/>
      </xdr:nvSpPr>
      <xdr:spPr>
        <a:xfrm>
          <a:off x="1079500" y="16455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89006</xdr:rowOff>
    </xdr:from>
    <xdr:ext cx="534377" cy="259045"/>
    <xdr:sp macro="" textlink="">
      <xdr:nvSpPr>
        <xdr:cNvPr id="250" name="テキスト ボックス 249"/>
        <xdr:cNvSpPr txBox="1"/>
      </xdr:nvSpPr>
      <xdr:spPr>
        <a:xfrm>
          <a:off x="863111" y="16548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53733</xdr:rowOff>
    </xdr:from>
    <xdr:to>
      <xdr:col>24</xdr:col>
      <xdr:colOff>114300</xdr:colOff>
      <xdr:row>94</xdr:row>
      <xdr:rowOff>155333</xdr:rowOff>
    </xdr:to>
    <xdr:sp macro="" textlink="">
      <xdr:nvSpPr>
        <xdr:cNvPr id="256" name="楕円 255"/>
        <xdr:cNvSpPr/>
      </xdr:nvSpPr>
      <xdr:spPr>
        <a:xfrm>
          <a:off x="4584700" y="16170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76610</xdr:rowOff>
    </xdr:from>
    <xdr:ext cx="534377" cy="259045"/>
    <xdr:sp macro="" textlink="">
      <xdr:nvSpPr>
        <xdr:cNvPr id="257" name="衛生費該当値テキスト"/>
        <xdr:cNvSpPr txBox="1"/>
      </xdr:nvSpPr>
      <xdr:spPr>
        <a:xfrm>
          <a:off x="4686300" y="16021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09246</xdr:rowOff>
    </xdr:from>
    <xdr:to>
      <xdr:col>20</xdr:col>
      <xdr:colOff>38100</xdr:colOff>
      <xdr:row>95</xdr:row>
      <xdr:rowOff>39396</xdr:rowOff>
    </xdr:to>
    <xdr:sp macro="" textlink="">
      <xdr:nvSpPr>
        <xdr:cNvPr id="258" name="楕円 257"/>
        <xdr:cNvSpPr/>
      </xdr:nvSpPr>
      <xdr:spPr>
        <a:xfrm>
          <a:off x="3746500" y="16225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55923</xdr:rowOff>
    </xdr:from>
    <xdr:ext cx="534377" cy="259045"/>
    <xdr:sp macro="" textlink="">
      <xdr:nvSpPr>
        <xdr:cNvPr id="259" name="テキスト ボックス 258"/>
        <xdr:cNvSpPr txBox="1"/>
      </xdr:nvSpPr>
      <xdr:spPr>
        <a:xfrm>
          <a:off x="3530111" y="16000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28143</xdr:rowOff>
    </xdr:from>
    <xdr:to>
      <xdr:col>15</xdr:col>
      <xdr:colOff>101600</xdr:colOff>
      <xdr:row>95</xdr:row>
      <xdr:rowOff>58293</xdr:rowOff>
    </xdr:to>
    <xdr:sp macro="" textlink="">
      <xdr:nvSpPr>
        <xdr:cNvPr id="260" name="楕円 259"/>
        <xdr:cNvSpPr/>
      </xdr:nvSpPr>
      <xdr:spPr>
        <a:xfrm>
          <a:off x="2857500" y="1624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74820</xdr:rowOff>
    </xdr:from>
    <xdr:ext cx="534377" cy="259045"/>
    <xdr:sp macro="" textlink="">
      <xdr:nvSpPr>
        <xdr:cNvPr id="261" name="テキスト ボックス 260"/>
        <xdr:cNvSpPr txBox="1"/>
      </xdr:nvSpPr>
      <xdr:spPr>
        <a:xfrm>
          <a:off x="2641111" y="16019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42075</xdr:rowOff>
    </xdr:from>
    <xdr:to>
      <xdr:col>10</xdr:col>
      <xdr:colOff>165100</xdr:colOff>
      <xdr:row>94</xdr:row>
      <xdr:rowOff>143675</xdr:rowOff>
    </xdr:to>
    <xdr:sp macro="" textlink="">
      <xdr:nvSpPr>
        <xdr:cNvPr id="262" name="楕円 261"/>
        <xdr:cNvSpPr/>
      </xdr:nvSpPr>
      <xdr:spPr>
        <a:xfrm>
          <a:off x="1968500" y="1615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2</xdr:row>
      <xdr:rowOff>160202</xdr:rowOff>
    </xdr:from>
    <xdr:ext cx="534377" cy="259045"/>
    <xdr:sp macro="" textlink="">
      <xdr:nvSpPr>
        <xdr:cNvPr id="263" name="テキスト ボックス 262"/>
        <xdr:cNvSpPr txBox="1"/>
      </xdr:nvSpPr>
      <xdr:spPr>
        <a:xfrm>
          <a:off x="1752111" y="15933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3</xdr:row>
      <xdr:rowOff>163233</xdr:rowOff>
    </xdr:from>
    <xdr:to>
      <xdr:col>6</xdr:col>
      <xdr:colOff>38100</xdr:colOff>
      <xdr:row>94</xdr:row>
      <xdr:rowOff>93383</xdr:rowOff>
    </xdr:to>
    <xdr:sp macro="" textlink="">
      <xdr:nvSpPr>
        <xdr:cNvPr id="264" name="楕円 263"/>
        <xdr:cNvSpPr/>
      </xdr:nvSpPr>
      <xdr:spPr>
        <a:xfrm>
          <a:off x="1079500" y="16108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2</xdr:row>
      <xdr:rowOff>109910</xdr:rowOff>
    </xdr:from>
    <xdr:ext cx="534377" cy="259045"/>
    <xdr:sp macro="" textlink="">
      <xdr:nvSpPr>
        <xdr:cNvPr id="265" name="テキスト ボックス 264"/>
        <xdr:cNvSpPr txBox="1"/>
      </xdr:nvSpPr>
      <xdr:spPr>
        <a:xfrm>
          <a:off x="863111" y="15883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7" name="テキスト ボックス 276"/>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79" name="テキスト ボックス 278"/>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1" name="テキスト ボックス 280"/>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3" name="テキスト ボックス 282"/>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5" name="テキスト ボックス 284"/>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7" name="テキスト ボックス 286"/>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4836</xdr:rowOff>
    </xdr:from>
    <xdr:to>
      <xdr:col>54</xdr:col>
      <xdr:colOff>189865</xdr:colOff>
      <xdr:row>39</xdr:row>
      <xdr:rowOff>15494</xdr:rowOff>
    </xdr:to>
    <xdr:cxnSp macro="">
      <xdr:nvCxnSpPr>
        <xdr:cNvPr id="289" name="直線コネクタ 288"/>
        <xdr:cNvCxnSpPr/>
      </xdr:nvCxnSpPr>
      <xdr:spPr>
        <a:xfrm flipV="1">
          <a:off x="10475595" y="5399786"/>
          <a:ext cx="1270" cy="1302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9321</xdr:rowOff>
    </xdr:from>
    <xdr:ext cx="313932" cy="259045"/>
    <xdr:sp macro="" textlink="">
      <xdr:nvSpPr>
        <xdr:cNvPr id="290" name="労働費最小値テキスト"/>
        <xdr:cNvSpPr txBox="1"/>
      </xdr:nvSpPr>
      <xdr:spPr>
        <a:xfrm>
          <a:off x="10528300" y="67058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5494</xdr:rowOff>
    </xdr:from>
    <xdr:to>
      <xdr:col>55</xdr:col>
      <xdr:colOff>88900</xdr:colOff>
      <xdr:row>39</xdr:row>
      <xdr:rowOff>15494</xdr:rowOff>
    </xdr:to>
    <xdr:cxnSp macro="">
      <xdr:nvCxnSpPr>
        <xdr:cNvPr id="291" name="直線コネクタ 290"/>
        <xdr:cNvCxnSpPr/>
      </xdr:nvCxnSpPr>
      <xdr:spPr>
        <a:xfrm>
          <a:off x="10388600" y="6702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1513</xdr:rowOff>
    </xdr:from>
    <xdr:ext cx="469744" cy="259045"/>
    <xdr:sp macro="" textlink="">
      <xdr:nvSpPr>
        <xdr:cNvPr id="292" name="労働費最大値テキスト"/>
        <xdr:cNvSpPr txBox="1"/>
      </xdr:nvSpPr>
      <xdr:spPr>
        <a:xfrm>
          <a:off x="10528300" y="5175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84836</xdr:rowOff>
    </xdr:from>
    <xdr:to>
      <xdr:col>55</xdr:col>
      <xdr:colOff>88900</xdr:colOff>
      <xdr:row>31</xdr:row>
      <xdr:rowOff>84836</xdr:rowOff>
    </xdr:to>
    <xdr:cxnSp macro="">
      <xdr:nvCxnSpPr>
        <xdr:cNvPr id="293" name="直線コネクタ 292"/>
        <xdr:cNvCxnSpPr/>
      </xdr:nvCxnSpPr>
      <xdr:spPr>
        <a:xfrm>
          <a:off x="10388600" y="5399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00076</xdr:rowOff>
    </xdr:from>
    <xdr:to>
      <xdr:col>55</xdr:col>
      <xdr:colOff>0</xdr:colOff>
      <xdr:row>37</xdr:row>
      <xdr:rowOff>115316</xdr:rowOff>
    </xdr:to>
    <xdr:cxnSp macro="">
      <xdr:nvCxnSpPr>
        <xdr:cNvPr id="294" name="直線コネクタ 293"/>
        <xdr:cNvCxnSpPr/>
      </xdr:nvCxnSpPr>
      <xdr:spPr>
        <a:xfrm flipV="1">
          <a:off x="9639300" y="6443726"/>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1419</xdr:rowOff>
    </xdr:from>
    <xdr:ext cx="378565" cy="259045"/>
    <xdr:sp macro="" textlink="">
      <xdr:nvSpPr>
        <xdr:cNvPr id="295" name="労働費平均値テキスト"/>
        <xdr:cNvSpPr txBox="1"/>
      </xdr:nvSpPr>
      <xdr:spPr>
        <a:xfrm>
          <a:off x="10528300" y="638506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2992</xdr:rowOff>
    </xdr:from>
    <xdr:to>
      <xdr:col>55</xdr:col>
      <xdr:colOff>50800</xdr:colOff>
      <xdr:row>37</xdr:row>
      <xdr:rowOff>164592</xdr:rowOff>
    </xdr:to>
    <xdr:sp macro="" textlink="">
      <xdr:nvSpPr>
        <xdr:cNvPr id="296" name="フローチャート: 判断 295"/>
        <xdr:cNvSpPr/>
      </xdr:nvSpPr>
      <xdr:spPr>
        <a:xfrm>
          <a:off x="10426700" y="6406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14554</xdr:rowOff>
    </xdr:from>
    <xdr:to>
      <xdr:col>50</xdr:col>
      <xdr:colOff>114300</xdr:colOff>
      <xdr:row>37</xdr:row>
      <xdr:rowOff>115316</xdr:rowOff>
    </xdr:to>
    <xdr:cxnSp macro="">
      <xdr:nvCxnSpPr>
        <xdr:cNvPr id="297" name="直線コネクタ 296"/>
        <xdr:cNvCxnSpPr/>
      </xdr:nvCxnSpPr>
      <xdr:spPr>
        <a:xfrm>
          <a:off x="8750300" y="6458204"/>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32512</xdr:rowOff>
    </xdr:from>
    <xdr:to>
      <xdr:col>50</xdr:col>
      <xdr:colOff>165100</xdr:colOff>
      <xdr:row>37</xdr:row>
      <xdr:rowOff>134112</xdr:rowOff>
    </xdr:to>
    <xdr:sp macro="" textlink="">
      <xdr:nvSpPr>
        <xdr:cNvPr id="298" name="フローチャート: 判断 297"/>
        <xdr:cNvSpPr/>
      </xdr:nvSpPr>
      <xdr:spPr>
        <a:xfrm>
          <a:off x="9588500" y="6376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50639</xdr:rowOff>
    </xdr:from>
    <xdr:ext cx="378565" cy="259045"/>
    <xdr:sp macro="" textlink="">
      <xdr:nvSpPr>
        <xdr:cNvPr id="299" name="テキスト ボックス 298"/>
        <xdr:cNvSpPr txBox="1"/>
      </xdr:nvSpPr>
      <xdr:spPr>
        <a:xfrm>
          <a:off x="9450017" y="61513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32258</xdr:rowOff>
    </xdr:from>
    <xdr:to>
      <xdr:col>45</xdr:col>
      <xdr:colOff>177800</xdr:colOff>
      <xdr:row>37</xdr:row>
      <xdr:rowOff>114554</xdr:rowOff>
    </xdr:to>
    <xdr:cxnSp macro="">
      <xdr:nvCxnSpPr>
        <xdr:cNvPr id="300" name="直線コネクタ 299"/>
        <xdr:cNvCxnSpPr/>
      </xdr:nvCxnSpPr>
      <xdr:spPr>
        <a:xfrm>
          <a:off x="7861300" y="6375908"/>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3180</xdr:rowOff>
    </xdr:from>
    <xdr:to>
      <xdr:col>46</xdr:col>
      <xdr:colOff>38100</xdr:colOff>
      <xdr:row>37</xdr:row>
      <xdr:rowOff>144780</xdr:rowOff>
    </xdr:to>
    <xdr:sp macro="" textlink="">
      <xdr:nvSpPr>
        <xdr:cNvPr id="301" name="フローチャート: 判断 300"/>
        <xdr:cNvSpPr/>
      </xdr:nvSpPr>
      <xdr:spPr>
        <a:xfrm>
          <a:off x="8699500" y="6386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61307</xdr:rowOff>
    </xdr:from>
    <xdr:ext cx="378565" cy="259045"/>
    <xdr:sp macro="" textlink="">
      <xdr:nvSpPr>
        <xdr:cNvPr id="302" name="テキスト ボックス 301"/>
        <xdr:cNvSpPr txBox="1"/>
      </xdr:nvSpPr>
      <xdr:spPr>
        <a:xfrm>
          <a:off x="8561017" y="61620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46736</xdr:rowOff>
    </xdr:from>
    <xdr:to>
      <xdr:col>41</xdr:col>
      <xdr:colOff>50800</xdr:colOff>
      <xdr:row>37</xdr:row>
      <xdr:rowOff>32258</xdr:rowOff>
    </xdr:to>
    <xdr:cxnSp macro="">
      <xdr:nvCxnSpPr>
        <xdr:cNvPr id="303" name="直線コネクタ 302"/>
        <xdr:cNvCxnSpPr/>
      </xdr:nvCxnSpPr>
      <xdr:spPr>
        <a:xfrm>
          <a:off x="6972300" y="6047486"/>
          <a:ext cx="889000" cy="328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09474</xdr:rowOff>
    </xdr:from>
    <xdr:to>
      <xdr:col>41</xdr:col>
      <xdr:colOff>101600</xdr:colOff>
      <xdr:row>37</xdr:row>
      <xdr:rowOff>39624</xdr:rowOff>
    </xdr:to>
    <xdr:sp macro="" textlink="">
      <xdr:nvSpPr>
        <xdr:cNvPr id="304" name="フローチャート: 判断 303"/>
        <xdr:cNvSpPr/>
      </xdr:nvSpPr>
      <xdr:spPr>
        <a:xfrm>
          <a:off x="7810500" y="6281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56151</xdr:rowOff>
    </xdr:from>
    <xdr:ext cx="378565" cy="259045"/>
    <xdr:sp macro="" textlink="">
      <xdr:nvSpPr>
        <xdr:cNvPr id="305" name="テキスト ボックス 304"/>
        <xdr:cNvSpPr txBox="1"/>
      </xdr:nvSpPr>
      <xdr:spPr>
        <a:xfrm>
          <a:off x="7672017" y="60569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70612</xdr:rowOff>
    </xdr:from>
    <xdr:to>
      <xdr:col>36</xdr:col>
      <xdr:colOff>165100</xdr:colOff>
      <xdr:row>36</xdr:row>
      <xdr:rowOff>762</xdr:rowOff>
    </xdr:to>
    <xdr:sp macro="" textlink="">
      <xdr:nvSpPr>
        <xdr:cNvPr id="306" name="フローチャート: 判断 305"/>
        <xdr:cNvSpPr/>
      </xdr:nvSpPr>
      <xdr:spPr>
        <a:xfrm>
          <a:off x="6921500" y="6071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63339</xdr:rowOff>
    </xdr:from>
    <xdr:ext cx="378565" cy="259045"/>
    <xdr:sp macro="" textlink="">
      <xdr:nvSpPr>
        <xdr:cNvPr id="307" name="テキスト ボックス 306"/>
        <xdr:cNvSpPr txBox="1"/>
      </xdr:nvSpPr>
      <xdr:spPr>
        <a:xfrm>
          <a:off x="6783017" y="61640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9276</xdr:rowOff>
    </xdr:from>
    <xdr:to>
      <xdr:col>55</xdr:col>
      <xdr:colOff>50800</xdr:colOff>
      <xdr:row>37</xdr:row>
      <xdr:rowOff>150876</xdr:rowOff>
    </xdr:to>
    <xdr:sp macro="" textlink="">
      <xdr:nvSpPr>
        <xdr:cNvPr id="313" name="楕円 312"/>
        <xdr:cNvSpPr/>
      </xdr:nvSpPr>
      <xdr:spPr>
        <a:xfrm>
          <a:off x="10426700" y="6392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72153</xdr:rowOff>
    </xdr:from>
    <xdr:ext cx="378565" cy="259045"/>
    <xdr:sp macro="" textlink="">
      <xdr:nvSpPr>
        <xdr:cNvPr id="314" name="労働費該当値テキスト"/>
        <xdr:cNvSpPr txBox="1"/>
      </xdr:nvSpPr>
      <xdr:spPr>
        <a:xfrm>
          <a:off x="10528300" y="62443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64516</xdr:rowOff>
    </xdr:from>
    <xdr:to>
      <xdr:col>50</xdr:col>
      <xdr:colOff>165100</xdr:colOff>
      <xdr:row>37</xdr:row>
      <xdr:rowOff>166115</xdr:rowOff>
    </xdr:to>
    <xdr:sp macro="" textlink="">
      <xdr:nvSpPr>
        <xdr:cNvPr id="315" name="楕円 314"/>
        <xdr:cNvSpPr/>
      </xdr:nvSpPr>
      <xdr:spPr>
        <a:xfrm>
          <a:off x="9588500" y="640816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57243</xdr:rowOff>
    </xdr:from>
    <xdr:ext cx="378565" cy="259045"/>
    <xdr:sp macro="" textlink="">
      <xdr:nvSpPr>
        <xdr:cNvPr id="316" name="テキスト ボックス 315"/>
        <xdr:cNvSpPr txBox="1"/>
      </xdr:nvSpPr>
      <xdr:spPr>
        <a:xfrm>
          <a:off x="9450017" y="6500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63754</xdr:rowOff>
    </xdr:from>
    <xdr:to>
      <xdr:col>46</xdr:col>
      <xdr:colOff>38100</xdr:colOff>
      <xdr:row>37</xdr:row>
      <xdr:rowOff>165354</xdr:rowOff>
    </xdr:to>
    <xdr:sp macro="" textlink="">
      <xdr:nvSpPr>
        <xdr:cNvPr id="317" name="楕円 316"/>
        <xdr:cNvSpPr/>
      </xdr:nvSpPr>
      <xdr:spPr>
        <a:xfrm>
          <a:off x="8699500" y="6407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56481</xdr:rowOff>
    </xdr:from>
    <xdr:ext cx="378565" cy="259045"/>
    <xdr:sp macro="" textlink="">
      <xdr:nvSpPr>
        <xdr:cNvPr id="318" name="テキスト ボックス 317"/>
        <xdr:cNvSpPr txBox="1"/>
      </xdr:nvSpPr>
      <xdr:spPr>
        <a:xfrm>
          <a:off x="8561017" y="65001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52908</xdr:rowOff>
    </xdr:from>
    <xdr:to>
      <xdr:col>41</xdr:col>
      <xdr:colOff>101600</xdr:colOff>
      <xdr:row>37</xdr:row>
      <xdr:rowOff>83058</xdr:rowOff>
    </xdr:to>
    <xdr:sp macro="" textlink="">
      <xdr:nvSpPr>
        <xdr:cNvPr id="319" name="楕円 318"/>
        <xdr:cNvSpPr/>
      </xdr:nvSpPr>
      <xdr:spPr>
        <a:xfrm>
          <a:off x="7810500" y="6325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74185</xdr:rowOff>
    </xdr:from>
    <xdr:ext cx="378565" cy="259045"/>
    <xdr:sp macro="" textlink="">
      <xdr:nvSpPr>
        <xdr:cNvPr id="320" name="テキスト ボックス 319"/>
        <xdr:cNvSpPr txBox="1"/>
      </xdr:nvSpPr>
      <xdr:spPr>
        <a:xfrm>
          <a:off x="7672017" y="64178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67386</xdr:rowOff>
    </xdr:from>
    <xdr:to>
      <xdr:col>36</xdr:col>
      <xdr:colOff>165100</xdr:colOff>
      <xdr:row>35</xdr:row>
      <xdr:rowOff>97536</xdr:rowOff>
    </xdr:to>
    <xdr:sp macro="" textlink="">
      <xdr:nvSpPr>
        <xdr:cNvPr id="321" name="楕円 320"/>
        <xdr:cNvSpPr/>
      </xdr:nvSpPr>
      <xdr:spPr>
        <a:xfrm>
          <a:off x="6921500" y="599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3</xdr:row>
      <xdr:rowOff>114063</xdr:rowOff>
    </xdr:from>
    <xdr:ext cx="378565" cy="259045"/>
    <xdr:sp macro="" textlink="">
      <xdr:nvSpPr>
        <xdr:cNvPr id="322" name="テキスト ボックス 321"/>
        <xdr:cNvSpPr txBox="1"/>
      </xdr:nvSpPr>
      <xdr:spPr>
        <a:xfrm>
          <a:off x="6783017" y="57719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3" name="直線コネクタ 332"/>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4" name="テキスト ボックス 333"/>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5" name="直線コネクタ 334"/>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44434</xdr:rowOff>
    </xdr:from>
    <xdr:ext cx="467179" cy="259045"/>
    <xdr:sp macro="" textlink="">
      <xdr:nvSpPr>
        <xdr:cNvPr id="336" name="テキスト ボックス 335"/>
        <xdr:cNvSpPr txBox="1"/>
      </xdr:nvSpPr>
      <xdr:spPr>
        <a:xfrm>
          <a:off x="6136821" y="9745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7" name="直線コネクタ 336"/>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60762</xdr:rowOff>
    </xdr:from>
    <xdr:ext cx="467179" cy="259045"/>
    <xdr:sp macro="" textlink="">
      <xdr:nvSpPr>
        <xdr:cNvPr id="338" name="テキスト ボックス 337"/>
        <xdr:cNvSpPr txBox="1"/>
      </xdr:nvSpPr>
      <xdr:spPr>
        <a:xfrm>
          <a:off x="6136821" y="9419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9" name="直線コネクタ 338"/>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5642</xdr:rowOff>
    </xdr:from>
    <xdr:ext cx="467179" cy="259045"/>
    <xdr:sp macro="" textlink="">
      <xdr:nvSpPr>
        <xdr:cNvPr id="340" name="テキスト ボックス 339"/>
        <xdr:cNvSpPr txBox="1"/>
      </xdr:nvSpPr>
      <xdr:spPr>
        <a:xfrm>
          <a:off x="6136821" y="9092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1" name="直線コネクタ 340"/>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21970</xdr:rowOff>
    </xdr:from>
    <xdr:ext cx="467179" cy="259045"/>
    <xdr:sp macro="" textlink="">
      <xdr:nvSpPr>
        <xdr:cNvPr id="342" name="テキスト ボックス 341"/>
        <xdr:cNvSpPr txBox="1"/>
      </xdr:nvSpPr>
      <xdr:spPr>
        <a:xfrm>
          <a:off x="6136821" y="8765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3" name="直線コネクタ 342"/>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38299</xdr:rowOff>
    </xdr:from>
    <xdr:ext cx="531299" cy="259045"/>
    <xdr:sp macro="" textlink="">
      <xdr:nvSpPr>
        <xdr:cNvPr id="344" name="テキスト ボックス 343"/>
        <xdr:cNvSpPr txBox="1"/>
      </xdr:nvSpPr>
      <xdr:spPr>
        <a:xfrm>
          <a:off x="6072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6" name="テキスト ボックス 345"/>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56587</xdr:rowOff>
    </xdr:from>
    <xdr:to>
      <xdr:col>54</xdr:col>
      <xdr:colOff>189865</xdr:colOff>
      <xdr:row>59</xdr:row>
      <xdr:rowOff>92837</xdr:rowOff>
    </xdr:to>
    <xdr:cxnSp macro="">
      <xdr:nvCxnSpPr>
        <xdr:cNvPr id="348" name="直線コネクタ 347"/>
        <xdr:cNvCxnSpPr/>
      </xdr:nvCxnSpPr>
      <xdr:spPr>
        <a:xfrm flipV="1">
          <a:off x="10475595" y="8629087"/>
          <a:ext cx="1270" cy="1579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6664</xdr:rowOff>
    </xdr:from>
    <xdr:ext cx="313932" cy="259045"/>
    <xdr:sp macro="" textlink="">
      <xdr:nvSpPr>
        <xdr:cNvPr id="349" name="農林水産業費最小値テキスト"/>
        <xdr:cNvSpPr txBox="1"/>
      </xdr:nvSpPr>
      <xdr:spPr>
        <a:xfrm>
          <a:off x="10528300" y="1021221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2837</xdr:rowOff>
    </xdr:from>
    <xdr:to>
      <xdr:col>55</xdr:col>
      <xdr:colOff>88900</xdr:colOff>
      <xdr:row>59</xdr:row>
      <xdr:rowOff>92837</xdr:rowOff>
    </xdr:to>
    <xdr:cxnSp macro="">
      <xdr:nvCxnSpPr>
        <xdr:cNvPr id="350" name="直線コネクタ 349"/>
        <xdr:cNvCxnSpPr/>
      </xdr:nvCxnSpPr>
      <xdr:spPr>
        <a:xfrm>
          <a:off x="10388600" y="10208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264</xdr:rowOff>
    </xdr:from>
    <xdr:ext cx="469744" cy="259045"/>
    <xdr:sp macro="" textlink="">
      <xdr:nvSpPr>
        <xdr:cNvPr id="351" name="農林水産業費最大値テキスト"/>
        <xdr:cNvSpPr txBox="1"/>
      </xdr:nvSpPr>
      <xdr:spPr>
        <a:xfrm>
          <a:off x="10528300" y="8404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0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56587</xdr:rowOff>
    </xdr:from>
    <xdr:to>
      <xdr:col>55</xdr:col>
      <xdr:colOff>88900</xdr:colOff>
      <xdr:row>50</xdr:row>
      <xdr:rowOff>56587</xdr:rowOff>
    </xdr:to>
    <xdr:cxnSp macro="">
      <xdr:nvCxnSpPr>
        <xdr:cNvPr id="352" name="直線コネクタ 351"/>
        <xdr:cNvCxnSpPr/>
      </xdr:nvCxnSpPr>
      <xdr:spPr>
        <a:xfrm>
          <a:off x="10388600" y="86290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44994</xdr:rowOff>
    </xdr:from>
    <xdr:to>
      <xdr:col>55</xdr:col>
      <xdr:colOff>0</xdr:colOff>
      <xdr:row>59</xdr:row>
      <xdr:rowOff>46300</xdr:rowOff>
    </xdr:to>
    <xdr:cxnSp macro="">
      <xdr:nvCxnSpPr>
        <xdr:cNvPr id="353" name="直線コネクタ 352"/>
        <xdr:cNvCxnSpPr/>
      </xdr:nvCxnSpPr>
      <xdr:spPr>
        <a:xfrm>
          <a:off x="9639300" y="10160544"/>
          <a:ext cx="838200" cy="1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73241</xdr:rowOff>
    </xdr:from>
    <xdr:ext cx="469744" cy="259045"/>
    <xdr:sp macro="" textlink="">
      <xdr:nvSpPr>
        <xdr:cNvPr id="354" name="農林水産業費平均値テキスト"/>
        <xdr:cNvSpPr txBox="1"/>
      </xdr:nvSpPr>
      <xdr:spPr>
        <a:xfrm>
          <a:off x="10528300" y="96744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0364</xdr:rowOff>
    </xdr:from>
    <xdr:to>
      <xdr:col>55</xdr:col>
      <xdr:colOff>50800</xdr:colOff>
      <xdr:row>57</xdr:row>
      <xdr:rowOff>151964</xdr:rowOff>
    </xdr:to>
    <xdr:sp macro="" textlink="">
      <xdr:nvSpPr>
        <xdr:cNvPr id="355" name="フローチャート: 判断 354"/>
        <xdr:cNvSpPr/>
      </xdr:nvSpPr>
      <xdr:spPr>
        <a:xfrm>
          <a:off x="10426700" y="9823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39116</xdr:rowOff>
    </xdr:from>
    <xdr:to>
      <xdr:col>50</xdr:col>
      <xdr:colOff>114300</xdr:colOff>
      <xdr:row>59</xdr:row>
      <xdr:rowOff>44994</xdr:rowOff>
    </xdr:to>
    <xdr:cxnSp macro="">
      <xdr:nvCxnSpPr>
        <xdr:cNvPr id="356" name="直線コネクタ 355"/>
        <xdr:cNvCxnSpPr/>
      </xdr:nvCxnSpPr>
      <xdr:spPr>
        <a:xfrm>
          <a:off x="8750300" y="10154666"/>
          <a:ext cx="889000" cy="5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2116</xdr:rowOff>
    </xdr:from>
    <xdr:to>
      <xdr:col>50</xdr:col>
      <xdr:colOff>165100</xdr:colOff>
      <xdr:row>57</xdr:row>
      <xdr:rowOff>123716</xdr:rowOff>
    </xdr:to>
    <xdr:sp macro="" textlink="">
      <xdr:nvSpPr>
        <xdr:cNvPr id="357" name="フローチャート: 判断 356"/>
        <xdr:cNvSpPr/>
      </xdr:nvSpPr>
      <xdr:spPr>
        <a:xfrm>
          <a:off x="9588500" y="9794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0243</xdr:rowOff>
    </xdr:from>
    <xdr:ext cx="469744" cy="259045"/>
    <xdr:sp macro="" textlink="">
      <xdr:nvSpPr>
        <xdr:cNvPr id="358" name="テキスト ボックス 357"/>
        <xdr:cNvSpPr txBox="1"/>
      </xdr:nvSpPr>
      <xdr:spPr>
        <a:xfrm>
          <a:off x="9404428" y="9569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39116</xdr:rowOff>
    </xdr:from>
    <xdr:to>
      <xdr:col>45</xdr:col>
      <xdr:colOff>177800</xdr:colOff>
      <xdr:row>59</xdr:row>
      <xdr:rowOff>40096</xdr:rowOff>
    </xdr:to>
    <xdr:cxnSp macro="">
      <xdr:nvCxnSpPr>
        <xdr:cNvPr id="359" name="直線コネクタ 358"/>
        <xdr:cNvCxnSpPr/>
      </xdr:nvCxnSpPr>
      <xdr:spPr>
        <a:xfrm flipV="1">
          <a:off x="7861300" y="10154666"/>
          <a:ext cx="889000" cy="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8361</xdr:rowOff>
    </xdr:from>
    <xdr:to>
      <xdr:col>46</xdr:col>
      <xdr:colOff>38100</xdr:colOff>
      <xdr:row>57</xdr:row>
      <xdr:rowOff>119961</xdr:rowOff>
    </xdr:to>
    <xdr:sp macro="" textlink="">
      <xdr:nvSpPr>
        <xdr:cNvPr id="360" name="フローチャート: 判断 359"/>
        <xdr:cNvSpPr/>
      </xdr:nvSpPr>
      <xdr:spPr>
        <a:xfrm>
          <a:off x="8699500" y="979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36488</xdr:rowOff>
    </xdr:from>
    <xdr:ext cx="469744" cy="259045"/>
    <xdr:sp macro="" textlink="">
      <xdr:nvSpPr>
        <xdr:cNvPr id="361" name="テキスト ボックス 360"/>
        <xdr:cNvSpPr txBox="1"/>
      </xdr:nvSpPr>
      <xdr:spPr>
        <a:xfrm>
          <a:off x="8515428" y="9566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40096</xdr:rowOff>
    </xdr:from>
    <xdr:to>
      <xdr:col>41</xdr:col>
      <xdr:colOff>50800</xdr:colOff>
      <xdr:row>59</xdr:row>
      <xdr:rowOff>40259</xdr:rowOff>
    </xdr:to>
    <xdr:cxnSp macro="">
      <xdr:nvCxnSpPr>
        <xdr:cNvPr id="362" name="直線コネクタ 361"/>
        <xdr:cNvCxnSpPr/>
      </xdr:nvCxnSpPr>
      <xdr:spPr>
        <a:xfrm flipV="1">
          <a:off x="6972300" y="10155646"/>
          <a:ext cx="889000" cy="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5342</xdr:rowOff>
    </xdr:from>
    <xdr:to>
      <xdr:col>41</xdr:col>
      <xdr:colOff>101600</xdr:colOff>
      <xdr:row>57</xdr:row>
      <xdr:rowOff>136942</xdr:rowOff>
    </xdr:to>
    <xdr:sp macro="" textlink="">
      <xdr:nvSpPr>
        <xdr:cNvPr id="363" name="フローチャート: 判断 362"/>
        <xdr:cNvSpPr/>
      </xdr:nvSpPr>
      <xdr:spPr>
        <a:xfrm>
          <a:off x="7810500" y="9807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53469</xdr:rowOff>
    </xdr:from>
    <xdr:ext cx="469744" cy="259045"/>
    <xdr:sp macro="" textlink="">
      <xdr:nvSpPr>
        <xdr:cNvPr id="364" name="テキスト ボックス 363"/>
        <xdr:cNvSpPr txBox="1"/>
      </xdr:nvSpPr>
      <xdr:spPr>
        <a:xfrm>
          <a:off x="7626428" y="9583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952</xdr:rowOff>
    </xdr:from>
    <xdr:to>
      <xdr:col>36</xdr:col>
      <xdr:colOff>165100</xdr:colOff>
      <xdr:row>57</xdr:row>
      <xdr:rowOff>115552</xdr:rowOff>
    </xdr:to>
    <xdr:sp macro="" textlink="">
      <xdr:nvSpPr>
        <xdr:cNvPr id="365" name="フローチャート: 判断 364"/>
        <xdr:cNvSpPr/>
      </xdr:nvSpPr>
      <xdr:spPr>
        <a:xfrm>
          <a:off x="6921500" y="9786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2079</xdr:rowOff>
    </xdr:from>
    <xdr:ext cx="469744" cy="259045"/>
    <xdr:sp macro="" textlink="">
      <xdr:nvSpPr>
        <xdr:cNvPr id="366" name="テキスト ボックス 365"/>
        <xdr:cNvSpPr txBox="1"/>
      </xdr:nvSpPr>
      <xdr:spPr>
        <a:xfrm>
          <a:off x="6737428" y="9561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66950</xdr:rowOff>
    </xdr:from>
    <xdr:to>
      <xdr:col>55</xdr:col>
      <xdr:colOff>50800</xdr:colOff>
      <xdr:row>59</xdr:row>
      <xdr:rowOff>97100</xdr:rowOff>
    </xdr:to>
    <xdr:sp macro="" textlink="">
      <xdr:nvSpPr>
        <xdr:cNvPr id="372" name="楕円 371"/>
        <xdr:cNvSpPr/>
      </xdr:nvSpPr>
      <xdr:spPr>
        <a:xfrm>
          <a:off x="10426700" y="10111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81877</xdr:rowOff>
    </xdr:from>
    <xdr:ext cx="378565" cy="259045"/>
    <xdr:sp macro="" textlink="">
      <xdr:nvSpPr>
        <xdr:cNvPr id="373" name="農林水産業費該当値テキスト"/>
        <xdr:cNvSpPr txBox="1"/>
      </xdr:nvSpPr>
      <xdr:spPr>
        <a:xfrm>
          <a:off x="10528300" y="100259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65644</xdr:rowOff>
    </xdr:from>
    <xdr:to>
      <xdr:col>50</xdr:col>
      <xdr:colOff>165100</xdr:colOff>
      <xdr:row>59</xdr:row>
      <xdr:rowOff>95794</xdr:rowOff>
    </xdr:to>
    <xdr:sp macro="" textlink="">
      <xdr:nvSpPr>
        <xdr:cNvPr id="374" name="楕円 373"/>
        <xdr:cNvSpPr/>
      </xdr:nvSpPr>
      <xdr:spPr>
        <a:xfrm>
          <a:off x="9588500" y="10109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86921</xdr:rowOff>
    </xdr:from>
    <xdr:ext cx="378565" cy="259045"/>
    <xdr:sp macro="" textlink="">
      <xdr:nvSpPr>
        <xdr:cNvPr id="375" name="テキスト ボックス 374"/>
        <xdr:cNvSpPr txBox="1"/>
      </xdr:nvSpPr>
      <xdr:spPr>
        <a:xfrm>
          <a:off x="9450017" y="102024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59766</xdr:rowOff>
    </xdr:from>
    <xdr:to>
      <xdr:col>46</xdr:col>
      <xdr:colOff>38100</xdr:colOff>
      <xdr:row>59</xdr:row>
      <xdr:rowOff>89916</xdr:rowOff>
    </xdr:to>
    <xdr:sp macro="" textlink="">
      <xdr:nvSpPr>
        <xdr:cNvPr id="376" name="楕円 375"/>
        <xdr:cNvSpPr/>
      </xdr:nvSpPr>
      <xdr:spPr>
        <a:xfrm>
          <a:off x="8699500" y="10103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81043</xdr:rowOff>
    </xdr:from>
    <xdr:ext cx="378565" cy="259045"/>
    <xdr:sp macro="" textlink="">
      <xdr:nvSpPr>
        <xdr:cNvPr id="377" name="テキスト ボックス 376"/>
        <xdr:cNvSpPr txBox="1"/>
      </xdr:nvSpPr>
      <xdr:spPr>
        <a:xfrm>
          <a:off x="8561017" y="101965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60746</xdr:rowOff>
    </xdr:from>
    <xdr:to>
      <xdr:col>41</xdr:col>
      <xdr:colOff>101600</xdr:colOff>
      <xdr:row>59</xdr:row>
      <xdr:rowOff>90896</xdr:rowOff>
    </xdr:to>
    <xdr:sp macro="" textlink="">
      <xdr:nvSpPr>
        <xdr:cNvPr id="378" name="楕円 377"/>
        <xdr:cNvSpPr/>
      </xdr:nvSpPr>
      <xdr:spPr>
        <a:xfrm>
          <a:off x="7810500" y="10104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82023</xdr:rowOff>
    </xdr:from>
    <xdr:ext cx="378565" cy="259045"/>
    <xdr:sp macro="" textlink="">
      <xdr:nvSpPr>
        <xdr:cNvPr id="379" name="テキスト ボックス 378"/>
        <xdr:cNvSpPr txBox="1"/>
      </xdr:nvSpPr>
      <xdr:spPr>
        <a:xfrm>
          <a:off x="7672017" y="101975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60909</xdr:rowOff>
    </xdr:from>
    <xdr:to>
      <xdr:col>36</xdr:col>
      <xdr:colOff>165100</xdr:colOff>
      <xdr:row>59</xdr:row>
      <xdr:rowOff>91059</xdr:rowOff>
    </xdr:to>
    <xdr:sp macro="" textlink="">
      <xdr:nvSpPr>
        <xdr:cNvPr id="380" name="楕円 379"/>
        <xdr:cNvSpPr/>
      </xdr:nvSpPr>
      <xdr:spPr>
        <a:xfrm>
          <a:off x="6921500" y="10105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82186</xdr:rowOff>
    </xdr:from>
    <xdr:ext cx="378565" cy="259045"/>
    <xdr:sp macro="" textlink="">
      <xdr:nvSpPr>
        <xdr:cNvPr id="381" name="テキスト ボックス 380"/>
        <xdr:cNvSpPr txBox="1"/>
      </xdr:nvSpPr>
      <xdr:spPr>
        <a:xfrm>
          <a:off x="6783017" y="101977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401" name="テキスト ボックス 400"/>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3" name="テキスト ボックス 402"/>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5" name="テキスト ボックス 40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24874</xdr:rowOff>
    </xdr:from>
    <xdr:to>
      <xdr:col>54</xdr:col>
      <xdr:colOff>189865</xdr:colOff>
      <xdr:row>79</xdr:row>
      <xdr:rowOff>5643</xdr:rowOff>
    </xdr:to>
    <xdr:cxnSp macro="">
      <xdr:nvCxnSpPr>
        <xdr:cNvPr id="407" name="直線コネクタ 406"/>
        <xdr:cNvCxnSpPr/>
      </xdr:nvCxnSpPr>
      <xdr:spPr>
        <a:xfrm flipV="1">
          <a:off x="10475595" y="11954924"/>
          <a:ext cx="1270" cy="1595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470</xdr:rowOff>
    </xdr:from>
    <xdr:ext cx="469744" cy="259045"/>
    <xdr:sp macro="" textlink="">
      <xdr:nvSpPr>
        <xdr:cNvPr id="408" name="商工費最小値テキスト"/>
        <xdr:cNvSpPr txBox="1"/>
      </xdr:nvSpPr>
      <xdr:spPr>
        <a:xfrm>
          <a:off x="10528300" y="13554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5643</xdr:rowOff>
    </xdr:from>
    <xdr:to>
      <xdr:col>55</xdr:col>
      <xdr:colOff>88900</xdr:colOff>
      <xdr:row>79</xdr:row>
      <xdr:rowOff>5643</xdr:rowOff>
    </xdr:to>
    <xdr:cxnSp macro="">
      <xdr:nvCxnSpPr>
        <xdr:cNvPr id="409" name="直線コネクタ 408"/>
        <xdr:cNvCxnSpPr/>
      </xdr:nvCxnSpPr>
      <xdr:spPr>
        <a:xfrm>
          <a:off x="10388600" y="135501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71551</xdr:rowOff>
    </xdr:from>
    <xdr:ext cx="534377" cy="259045"/>
    <xdr:sp macro="" textlink="">
      <xdr:nvSpPr>
        <xdr:cNvPr id="410" name="商工費最大値テキスト"/>
        <xdr:cNvSpPr txBox="1"/>
      </xdr:nvSpPr>
      <xdr:spPr>
        <a:xfrm>
          <a:off x="10528300" y="11730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70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24874</xdr:rowOff>
    </xdr:from>
    <xdr:to>
      <xdr:col>55</xdr:col>
      <xdr:colOff>88900</xdr:colOff>
      <xdr:row>69</xdr:row>
      <xdr:rowOff>124874</xdr:rowOff>
    </xdr:to>
    <xdr:cxnSp macro="">
      <xdr:nvCxnSpPr>
        <xdr:cNvPr id="411" name="直線コネクタ 410"/>
        <xdr:cNvCxnSpPr/>
      </xdr:nvCxnSpPr>
      <xdr:spPr>
        <a:xfrm>
          <a:off x="10388600" y="11954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594</xdr:rowOff>
    </xdr:from>
    <xdr:to>
      <xdr:col>55</xdr:col>
      <xdr:colOff>0</xdr:colOff>
      <xdr:row>76</xdr:row>
      <xdr:rowOff>16844</xdr:rowOff>
    </xdr:to>
    <xdr:cxnSp macro="">
      <xdr:nvCxnSpPr>
        <xdr:cNvPr id="412" name="直線コネクタ 411"/>
        <xdr:cNvCxnSpPr/>
      </xdr:nvCxnSpPr>
      <xdr:spPr>
        <a:xfrm flipV="1">
          <a:off x="9639300" y="13031794"/>
          <a:ext cx="838200" cy="1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14524</xdr:rowOff>
    </xdr:from>
    <xdr:ext cx="534377" cy="259045"/>
    <xdr:sp macro="" textlink="">
      <xdr:nvSpPr>
        <xdr:cNvPr id="413" name="商工費平均値テキスト"/>
        <xdr:cNvSpPr txBox="1"/>
      </xdr:nvSpPr>
      <xdr:spPr>
        <a:xfrm>
          <a:off x="10528300" y="127018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63097</xdr:rowOff>
    </xdr:from>
    <xdr:to>
      <xdr:col>55</xdr:col>
      <xdr:colOff>50800</xdr:colOff>
      <xdr:row>75</xdr:row>
      <xdr:rowOff>93247</xdr:rowOff>
    </xdr:to>
    <xdr:sp macro="" textlink="">
      <xdr:nvSpPr>
        <xdr:cNvPr id="414" name="フローチャート: 判断 413"/>
        <xdr:cNvSpPr/>
      </xdr:nvSpPr>
      <xdr:spPr>
        <a:xfrm>
          <a:off x="10426700" y="12850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3683</xdr:rowOff>
    </xdr:from>
    <xdr:to>
      <xdr:col>50</xdr:col>
      <xdr:colOff>114300</xdr:colOff>
      <xdr:row>76</xdr:row>
      <xdr:rowOff>16844</xdr:rowOff>
    </xdr:to>
    <xdr:cxnSp macro="">
      <xdr:nvCxnSpPr>
        <xdr:cNvPr id="415" name="直線コネクタ 414"/>
        <xdr:cNvCxnSpPr/>
      </xdr:nvCxnSpPr>
      <xdr:spPr>
        <a:xfrm>
          <a:off x="8750300" y="13033883"/>
          <a:ext cx="889000" cy="13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4</xdr:row>
      <xdr:rowOff>133477</xdr:rowOff>
    </xdr:from>
    <xdr:to>
      <xdr:col>50</xdr:col>
      <xdr:colOff>165100</xdr:colOff>
      <xdr:row>75</xdr:row>
      <xdr:rowOff>63627</xdr:rowOff>
    </xdr:to>
    <xdr:sp macro="" textlink="">
      <xdr:nvSpPr>
        <xdr:cNvPr id="416" name="フローチャート: 判断 415"/>
        <xdr:cNvSpPr/>
      </xdr:nvSpPr>
      <xdr:spPr>
        <a:xfrm>
          <a:off x="9588500" y="12820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3</xdr:row>
      <xdr:rowOff>80154</xdr:rowOff>
    </xdr:from>
    <xdr:ext cx="534377" cy="259045"/>
    <xdr:sp macro="" textlink="">
      <xdr:nvSpPr>
        <xdr:cNvPr id="417" name="テキスト ボックス 416"/>
        <xdr:cNvSpPr txBox="1"/>
      </xdr:nvSpPr>
      <xdr:spPr>
        <a:xfrm>
          <a:off x="9372111" y="12596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83791</xdr:rowOff>
    </xdr:from>
    <xdr:to>
      <xdr:col>45</xdr:col>
      <xdr:colOff>177800</xdr:colOff>
      <xdr:row>76</xdr:row>
      <xdr:rowOff>3683</xdr:rowOff>
    </xdr:to>
    <xdr:cxnSp macro="">
      <xdr:nvCxnSpPr>
        <xdr:cNvPr id="418" name="直線コネクタ 417"/>
        <xdr:cNvCxnSpPr/>
      </xdr:nvCxnSpPr>
      <xdr:spPr>
        <a:xfrm>
          <a:off x="7861300" y="12942541"/>
          <a:ext cx="889000" cy="91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4</xdr:row>
      <xdr:rowOff>83707</xdr:rowOff>
    </xdr:from>
    <xdr:to>
      <xdr:col>46</xdr:col>
      <xdr:colOff>38100</xdr:colOff>
      <xdr:row>75</xdr:row>
      <xdr:rowOff>13857</xdr:rowOff>
    </xdr:to>
    <xdr:sp macro="" textlink="">
      <xdr:nvSpPr>
        <xdr:cNvPr id="419" name="フローチャート: 判断 418"/>
        <xdr:cNvSpPr/>
      </xdr:nvSpPr>
      <xdr:spPr>
        <a:xfrm>
          <a:off x="8699500" y="12771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30384</xdr:rowOff>
    </xdr:from>
    <xdr:ext cx="534377" cy="259045"/>
    <xdr:sp macro="" textlink="">
      <xdr:nvSpPr>
        <xdr:cNvPr id="420" name="テキスト ボックス 419"/>
        <xdr:cNvSpPr txBox="1"/>
      </xdr:nvSpPr>
      <xdr:spPr>
        <a:xfrm>
          <a:off x="8483111" y="12546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4</xdr:row>
      <xdr:rowOff>149203</xdr:rowOff>
    </xdr:from>
    <xdr:to>
      <xdr:col>41</xdr:col>
      <xdr:colOff>50800</xdr:colOff>
      <xdr:row>75</xdr:row>
      <xdr:rowOff>83791</xdr:rowOff>
    </xdr:to>
    <xdr:cxnSp macro="">
      <xdr:nvCxnSpPr>
        <xdr:cNvPr id="421" name="直線コネクタ 420"/>
        <xdr:cNvCxnSpPr/>
      </xdr:nvCxnSpPr>
      <xdr:spPr>
        <a:xfrm>
          <a:off x="6972300" y="12836503"/>
          <a:ext cx="889000" cy="106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5102</xdr:rowOff>
    </xdr:from>
    <xdr:to>
      <xdr:col>41</xdr:col>
      <xdr:colOff>101600</xdr:colOff>
      <xdr:row>74</xdr:row>
      <xdr:rowOff>106702</xdr:rowOff>
    </xdr:to>
    <xdr:sp macro="" textlink="">
      <xdr:nvSpPr>
        <xdr:cNvPr id="422" name="フローチャート: 判断 421"/>
        <xdr:cNvSpPr/>
      </xdr:nvSpPr>
      <xdr:spPr>
        <a:xfrm>
          <a:off x="7810500" y="12692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2</xdr:row>
      <xdr:rowOff>123229</xdr:rowOff>
    </xdr:from>
    <xdr:ext cx="534377" cy="259045"/>
    <xdr:sp macro="" textlink="">
      <xdr:nvSpPr>
        <xdr:cNvPr id="423" name="テキスト ボックス 422"/>
        <xdr:cNvSpPr txBox="1"/>
      </xdr:nvSpPr>
      <xdr:spPr>
        <a:xfrm>
          <a:off x="7594111" y="12467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142066</xdr:rowOff>
    </xdr:from>
    <xdr:to>
      <xdr:col>36</xdr:col>
      <xdr:colOff>165100</xdr:colOff>
      <xdr:row>74</xdr:row>
      <xdr:rowOff>72216</xdr:rowOff>
    </xdr:to>
    <xdr:sp macro="" textlink="">
      <xdr:nvSpPr>
        <xdr:cNvPr id="424" name="フローチャート: 判断 423"/>
        <xdr:cNvSpPr/>
      </xdr:nvSpPr>
      <xdr:spPr>
        <a:xfrm>
          <a:off x="6921500" y="12657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88743</xdr:rowOff>
    </xdr:from>
    <xdr:ext cx="534377" cy="259045"/>
    <xdr:sp macro="" textlink="">
      <xdr:nvSpPr>
        <xdr:cNvPr id="425" name="テキスト ボックス 424"/>
        <xdr:cNvSpPr txBox="1"/>
      </xdr:nvSpPr>
      <xdr:spPr>
        <a:xfrm>
          <a:off x="6705111" y="12433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122243</xdr:rowOff>
    </xdr:from>
    <xdr:to>
      <xdr:col>55</xdr:col>
      <xdr:colOff>50800</xdr:colOff>
      <xdr:row>76</xdr:row>
      <xdr:rowOff>52394</xdr:rowOff>
    </xdr:to>
    <xdr:sp macro="" textlink="">
      <xdr:nvSpPr>
        <xdr:cNvPr id="431" name="楕円 430"/>
        <xdr:cNvSpPr/>
      </xdr:nvSpPr>
      <xdr:spPr>
        <a:xfrm>
          <a:off x="10426700" y="12980993"/>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00670</xdr:rowOff>
    </xdr:from>
    <xdr:ext cx="534377" cy="259045"/>
    <xdr:sp macro="" textlink="">
      <xdr:nvSpPr>
        <xdr:cNvPr id="432" name="商工費該当値テキスト"/>
        <xdr:cNvSpPr txBox="1"/>
      </xdr:nvSpPr>
      <xdr:spPr>
        <a:xfrm>
          <a:off x="10528300" y="1295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37494</xdr:rowOff>
    </xdr:from>
    <xdr:to>
      <xdr:col>50</xdr:col>
      <xdr:colOff>165100</xdr:colOff>
      <xdr:row>76</xdr:row>
      <xdr:rowOff>67644</xdr:rowOff>
    </xdr:to>
    <xdr:sp macro="" textlink="">
      <xdr:nvSpPr>
        <xdr:cNvPr id="433" name="楕円 432"/>
        <xdr:cNvSpPr/>
      </xdr:nvSpPr>
      <xdr:spPr>
        <a:xfrm>
          <a:off x="9588500" y="12996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58771</xdr:rowOff>
    </xdr:from>
    <xdr:ext cx="534377" cy="259045"/>
    <xdr:sp macro="" textlink="">
      <xdr:nvSpPr>
        <xdr:cNvPr id="434" name="テキスト ボックス 433"/>
        <xdr:cNvSpPr txBox="1"/>
      </xdr:nvSpPr>
      <xdr:spPr>
        <a:xfrm>
          <a:off x="9372111" y="13088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24333</xdr:rowOff>
    </xdr:from>
    <xdr:to>
      <xdr:col>46</xdr:col>
      <xdr:colOff>38100</xdr:colOff>
      <xdr:row>76</xdr:row>
      <xdr:rowOff>54483</xdr:rowOff>
    </xdr:to>
    <xdr:sp macro="" textlink="">
      <xdr:nvSpPr>
        <xdr:cNvPr id="435" name="楕円 434"/>
        <xdr:cNvSpPr/>
      </xdr:nvSpPr>
      <xdr:spPr>
        <a:xfrm>
          <a:off x="8699500" y="12983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45610</xdr:rowOff>
    </xdr:from>
    <xdr:ext cx="534377" cy="259045"/>
    <xdr:sp macro="" textlink="">
      <xdr:nvSpPr>
        <xdr:cNvPr id="436" name="テキスト ボックス 435"/>
        <xdr:cNvSpPr txBox="1"/>
      </xdr:nvSpPr>
      <xdr:spPr>
        <a:xfrm>
          <a:off x="8483111" y="13075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32991</xdr:rowOff>
    </xdr:from>
    <xdr:to>
      <xdr:col>41</xdr:col>
      <xdr:colOff>101600</xdr:colOff>
      <xdr:row>75</xdr:row>
      <xdr:rowOff>134591</xdr:rowOff>
    </xdr:to>
    <xdr:sp macro="" textlink="">
      <xdr:nvSpPr>
        <xdr:cNvPr id="437" name="楕円 436"/>
        <xdr:cNvSpPr/>
      </xdr:nvSpPr>
      <xdr:spPr>
        <a:xfrm>
          <a:off x="7810500" y="12891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25717</xdr:rowOff>
    </xdr:from>
    <xdr:ext cx="534377" cy="259045"/>
    <xdr:sp macro="" textlink="">
      <xdr:nvSpPr>
        <xdr:cNvPr id="438" name="テキスト ボックス 437"/>
        <xdr:cNvSpPr txBox="1"/>
      </xdr:nvSpPr>
      <xdr:spPr>
        <a:xfrm>
          <a:off x="7594111" y="12984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98403</xdr:rowOff>
    </xdr:from>
    <xdr:to>
      <xdr:col>36</xdr:col>
      <xdr:colOff>165100</xdr:colOff>
      <xdr:row>75</xdr:row>
      <xdr:rowOff>28553</xdr:rowOff>
    </xdr:to>
    <xdr:sp macro="" textlink="">
      <xdr:nvSpPr>
        <xdr:cNvPr id="439" name="楕円 438"/>
        <xdr:cNvSpPr/>
      </xdr:nvSpPr>
      <xdr:spPr>
        <a:xfrm>
          <a:off x="6921500" y="12785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9680</xdr:rowOff>
    </xdr:from>
    <xdr:ext cx="534377" cy="259045"/>
    <xdr:sp macro="" textlink="">
      <xdr:nvSpPr>
        <xdr:cNvPr id="440" name="テキスト ボックス 439"/>
        <xdr:cNvSpPr txBox="1"/>
      </xdr:nvSpPr>
      <xdr:spPr>
        <a:xfrm>
          <a:off x="6705111" y="12878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51" name="テキスト ボックス 450"/>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52" name="直線コネクタ 451"/>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53" name="テキスト ボックス 452"/>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4" name="直線コネクタ 453"/>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5" name="テキスト ボックス 454"/>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6" name="直線コネクタ 455"/>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7" name="テキスト ボックス 456"/>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8" name="直線コネクタ 457"/>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9" name="テキスト ボックス 458"/>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60" name="直線コネクタ 459"/>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61" name="テキスト ボックス 460"/>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2" name="直線コネクタ 461"/>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63" name="テキスト ボックス 462"/>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4" name="直線コネクタ 46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5" name="テキスト ボックス 464"/>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6"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9042</xdr:rowOff>
    </xdr:from>
    <xdr:to>
      <xdr:col>54</xdr:col>
      <xdr:colOff>189865</xdr:colOff>
      <xdr:row>98</xdr:row>
      <xdr:rowOff>41762</xdr:rowOff>
    </xdr:to>
    <xdr:cxnSp macro="">
      <xdr:nvCxnSpPr>
        <xdr:cNvPr id="467" name="直線コネクタ 466"/>
        <xdr:cNvCxnSpPr/>
      </xdr:nvCxnSpPr>
      <xdr:spPr>
        <a:xfrm flipV="1">
          <a:off x="10475595" y="15529542"/>
          <a:ext cx="1270" cy="1314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589</xdr:rowOff>
    </xdr:from>
    <xdr:ext cx="534377" cy="259045"/>
    <xdr:sp macro="" textlink="">
      <xdr:nvSpPr>
        <xdr:cNvPr id="468" name="土木費最小値テキスト"/>
        <xdr:cNvSpPr txBox="1"/>
      </xdr:nvSpPr>
      <xdr:spPr>
        <a:xfrm>
          <a:off x="10528300" y="16847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1762</xdr:rowOff>
    </xdr:from>
    <xdr:to>
      <xdr:col>55</xdr:col>
      <xdr:colOff>88900</xdr:colOff>
      <xdr:row>98</xdr:row>
      <xdr:rowOff>41762</xdr:rowOff>
    </xdr:to>
    <xdr:cxnSp macro="">
      <xdr:nvCxnSpPr>
        <xdr:cNvPr id="469" name="直線コネクタ 468"/>
        <xdr:cNvCxnSpPr/>
      </xdr:nvCxnSpPr>
      <xdr:spPr>
        <a:xfrm>
          <a:off x="10388600" y="16843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5719</xdr:rowOff>
    </xdr:from>
    <xdr:ext cx="534377" cy="259045"/>
    <xdr:sp macro="" textlink="">
      <xdr:nvSpPr>
        <xdr:cNvPr id="470" name="土木費最大値テキスト"/>
        <xdr:cNvSpPr txBox="1"/>
      </xdr:nvSpPr>
      <xdr:spPr>
        <a:xfrm>
          <a:off x="10528300" y="15304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24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99042</xdr:rowOff>
    </xdr:from>
    <xdr:to>
      <xdr:col>55</xdr:col>
      <xdr:colOff>88900</xdr:colOff>
      <xdr:row>90</xdr:row>
      <xdr:rowOff>99042</xdr:rowOff>
    </xdr:to>
    <xdr:cxnSp macro="">
      <xdr:nvCxnSpPr>
        <xdr:cNvPr id="471" name="直線コネクタ 470"/>
        <xdr:cNvCxnSpPr/>
      </xdr:nvCxnSpPr>
      <xdr:spPr>
        <a:xfrm>
          <a:off x="10388600" y="155295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08513</xdr:rowOff>
    </xdr:from>
    <xdr:to>
      <xdr:col>55</xdr:col>
      <xdr:colOff>0</xdr:colOff>
      <xdr:row>94</xdr:row>
      <xdr:rowOff>138720</xdr:rowOff>
    </xdr:to>
    <xdr:cxnSp macro="">
      <xdr:nvCxnSpPr>
        <xdr:cNvPr id="472" name="直線コネクタ 471"/>
        <xdr:cNvCxnSpPr/>
      </xdr:nvCxnSpPr>
      <xdr:spPr>
        <a:xfrm flipV="1">
          <a:off x="9639300" y="16053363"/>
          <a:ext cx="838200" cy="201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2</xdr:row>
      <xdr:rowOff>21088</xdr:rowOff>
    </xdr:from>
    <xdr:ext cx="534377" cy="259045"/>
    <xdr:sp macro="" textlink="">
      <xdr:nvSpPr>
        <xdr:cNvPr id="473" name="土木費平均値テキスト"/>
        <xdr:cNvSpPr txBox="1"/>
      </xdr:nvSpPr>
      <xdr:spPr>
        <a:xfrm>
          <a:off x="10528300" y="157944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2</xdr:row>
      <xdr:rowOff>169661</xdr:rowOff>
    </xdr:from>
    <xdr:to>
      <xdr:col>55</xdr:col>
      <xdr:colOff>50800</xdr:colOff>
      <xdr:row>93</xdr:row>
      <xdr:rowOff>99811</xdr:rowOff>
    </xdr:to>
    <xdr:sp macro="" textlink="">
      <xdr:nvSpPr>
        <xdr:cNvPr id="474" name="フローチャート: 判断 473"/>
        <xdr:cNvSpPr/>
      </xdr:nvSpPr>
      <xdr:spPr>
        <a:xfrm>
          <a:off x="10426700" y="1594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77781</xdr:rowOff>
    </xdr:from>
    <xdr:to>
      <xdr:col>50</xdr:col>
      <xdr:colOff>114300</xdr:colOff>
      <xdr:row>94</xdr:row>
      <xdr:rowOff>138720</xdr:rowOff>
    </xdr:to>
    <xdr:cxnSp macro="">
      <xdr:nvCxnSpPr>
        <xdr:cNvPr id="475" name="直線コネクタ 474"/>
        <xdr:cNvCxnSpPr/>
      </xdr:nvCxnSpPr>
      <xdr:spPr>
        <a:xfrm>
          <a:off x="8750300" y="16194081"/>
          <a:ext cx="889000" cy="60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2</xdr:row>
      <xdr:rowOff>164795</xdr:rowOff>
    </xdr:from>
    <xdr:to>
      <xdr:col>50</xdr:col>
      <xdr:colOff>165100</xdr:colOff>
      <xdr:row>93</xdr:row>
      <xdr:rowOff>94945</xdr:rowOff>
    </xdr:to>
    <xdr:sp macro="" textlink="">
      <xdr:nvSpPr>
        <xdr:cNvPr id="476" name="フローチャート: 判断 475"/>
        <xdr:cNvSpPr/>
      </xdr:nvSpPr>
      <xdr:spPr>
        <a:xfrm>
          <a:off x="9588500" y="1593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1</xdr:row>
      <xdr:rowOff>111472</xdr:rowOff>
    </xdr:from>
    <xdr:ext cx="534377" cy="259045"/>
    <xdr:sp macro="" textlink="">
      <xdr:nvSpPr>
        <xdr:cNvPr id="477" name="テキスト ボックス 476"/>
        <xdr:cNvSpPr txBox="1"/>
      </xdr:nvSpPr>
      <xdr:spPr>
        <a:xfrm>
          <a:off x="9372111" y="15713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77781</xdr:rowOff>
    </xdr:from>
    <xdr:to>
      <xdr:col>45</xdr:col>
      <xdr:colOff>177800</xdr:colOff>
      <xdr:row>96</xdr:row>
      <xdr:rowOff>9660</xdr:rowOff>
    </xdr:to>
    <xdr:cxnSp macro="">
      <xdr:nvCxnSpPr>
        <xdr:cNvPr id="478" name="直線コネクタ 477"/>
        <xdr:cNvCxnSpPr/>
      </xdr:nvCxnSpPr>
      <xdr:spPr>
        <a:xfrm flipV="1">
          <a:off x="7861300" y="16194081"/>
          <a:ext cx="889000" cy="274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3</xdr:row>
      <xdr:rowOff>9837</xdr:rowOff>
    </xdr:from>
    <xdr:to>
      <xdr:col>46</xdr:col>
      <xdr:colOff>38100</xdr:colOff>
      <xdr:row>93</xdr:row>
      <xdr:rowOff>111437</xdr:rowOff>
    </xdr:to>
    <xdr:sp macro="" textlink="">
      <xdr:nvSpPr>
        <xdr:cNvPr id="479" name="フローチャート: 判断 478"/>
        <xdr:cNvSpPr/>
      </xdr:nvSpPr>
      <xdr:spPr>
        <a:xfrm>
          <a:off x="8699500" y="1595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1</xdr:row>
      <xdr:rowOff>127964</xdr:rowOff>
    </xdr:from>
    <xdr:ext cx="534377" cy="259045"/>
    <xdr:sp macro="" textlink="">
      <xdr:nvSpPr>
        <xdr:cNvPr id="480" name="テキスト ボックス 479"/>
        <xdr:cNvSpPr txBox="1"/>
      </xdr:nvSpPr>
      <xdr:spPr>
        <a:xfrm>
          <a:off x="8483111" y="15729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3</xdr:row>
      <xdr:rowOff>116709</xdr:rowOff>
    </xdr:from>
    <xdr:to>
      <xdr:col>41</xdr:col>
      <xdr:colOff>50800</xdr:colOff>
      <xdr:row>96</xdr:row>
      <xdr:rowOff>9660</xdr:rowOff>
    </xdr:to>
    <xdr:cxnSp macro="">
      <xdr:nvCxnSpPr>
        <xdr:cNvPr id="481" name="直線コネクタ 480"/>
        <xdr:cNvCxnSpPr/>
      </xdr:nvCxnSpPr>
      <xdr:spPr>
        <a:xfrm>
          <a:off x="6972300" y="16061559"/>
          <a:ext cx="889000" cy="407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2</xdr:row>
      <xdr:rowOff>117638</xdr:rowOff>
    </xdr:from>
    <xdr:to>
      <xdr:col>41</xdr:col>
      <xdr:colOff>101600</xdr:colOff>
      <xdr:row>93</xdr:row>
      <xdr:rowOff>47788</xdr:rowOff>
    </xdr:to>
    <xdr:sp macro="" textlink="">
      <xdr:nvSpPr>
        <xdr:cNvPr id="482" name="フローチャート: 判断 481"/>
        <xdr:cNvSpPr/>
      </xdr:nvSpPr>
      <xdr:spPr>
        <a:xfrm>
          <a:off x="7810500" y="1589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1</xdr:row>
      <xdr:rowOff>64315</xdr:rowOff>
    </xdr:from>
    <xdr:ext cx="534377" cy="259045"/>
    <xdr:sp macro="" textlink="">
      <xdr:nvSpPr>
        <xdr:cNvPr id="483" name="テキスト ボックス 482"/>
        <xdr:cNvSpPr txBox="1"/>
      </xdr:nvSpPr>
      <xdr:spPr>
        <a:xfrm>
          <a:off x="7594111" y="15666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2</xdr:row>
      <xdr:rowOff>140074</xdr:rowOff>
    </xdr:from>
    <xdr:to>
      <xdr:col>36</xdr:col>
      <xdr:colOff>165100</xdr:colOff>
      <xdr:row>93</xdr:row>
      <xdr:rowOff>70224</xdr:rowOff>
    </xdr:to>
    <xdr:sp macro="" textlink="">
      <xdr:nvSpPr>
        <xdr:cNvPr id="484" name="フローチャート: 判断 483"/>
        <xdr:cNvSpPr/>
      </xdr:nvSpPr>
      <xdr:spPr>
        <a:xfrm>
          <a:off x="6921500" y="1591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1</xdr:row>
      <xdr:rowOff>86751</xdr:rowOff>
    </xdr:from>
    <xdr:ext cx="534377" cy="259045"/>
    <xdr:sp macro="" textlink="">
      <xdr:nvSpPr>
        <xdr:cNvPr id="485" name="テキスト ボックス 484"/>
        <xdr:cNvSpPr txBox="1"/>
      </xdr:nvSpPr>
      <xdr:spPr>
        <a:xfrm>
          <a:off x="6705111" y="15688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6" name="テキスト ボックス 48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7" name="テキスト ボックス 48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8" name="テキスト ボックス 48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9" name="テキスト ボックス 48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0" name="テキスト ボックス 48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57713</xdr:rowOff>
    </xdr:from>
    <xdr:to>
      <xdr:col>55</xdr:col>
      <xdr:colOff>50800</xdr:colOff>
      <xdr:row>93</xdr:row>
      <xdr:rowOff>159313</xdr:rowOff>
    </xdr:to>
    <xdr:sp macro="" textlink="">
      <xdr:nvSpPr>
        <xdr:cNvPr id="491" name="楕円 490"/>
        <xdr:cNvSpPr/>
      </xdr:nvSpPr>
      <xdr:spPr>
        <a:xfrm>
          <a:off x="10426700" y="16002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36140</xdr:rowOff>
    </xdr:from>
    <xdr:ext cx="534377" cy="259045"/>
    <xdr:sp macro="" textlink="">
      <xdr:nvSpPr>
        <xdr:cNvPr id="492" name="土木費該当値テキスト"/>
        <xdr:cNvSpPr txBox="1"/>
      </xdr:nvSpPr>
      <xdr:spPr>
        <a:xfrm>
          <a:off x="10528300" y="15980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87920</xdr:rowOff>
    </xdr:from>
    <xdr:to>
      <xdr:col>50</xdr:col>
      <xdr:colOff>165100</xdr:colOff>
      <xdr:row>95</xdr:row>
      <xdr:rowOff>18070</xdr:rowOff>
    </xdr:to>
    <xdr:sp macro="" textlink="">
      <xdr:nvSpPr>
        <xdr:cNvPr id="493" name="楕円 492"/>
        <xdr:cNvSpPr/>
      </xdr:nvSpPr>
      <xdr:spPr>
        <a:xfrm>
          <a:off x="9588500" y="16204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9197</xdr:rowOff>
    </xdr:from>
    <xdr:ext cx="534377" cy="259045"/>
    <xdr:sp macro="" textlink="">
      <xdr:nvSpPr>
        <xdr:cNvPr id="494" name="テキスト ボックス 493"/>
        <xdr:cNvSpPr txBox="1"/>
      </xdr:nvSpPr>
      <xdr:spPr>
        <a:xfrm>
          <a:off x="9372111" y="16296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26981</xdr:rowOff>
    </xdr:from>
    <xdr:to>
      <xdr:col>46</xdr:col>
      <xdr:colOff>38100</xdr:colOff>
      <xdr:row>94</xdr:row>
      <xdr:rowOff>128581</xdr:rowOff>
    </xdr:to>
    <xdr:sp macro="" textlink="">
      <xdr:nvSpPr>
        <xdr:cNvPr id="495" name="楕円 494"/>
        <xdr:cNvSpPr/>
      </xdr:nvSpPr>
      <xdr:spPr>
        <a:xfrm>
          <a:off x="8699500" y="16143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19708</xdr:rowOff>
    </xdr:from>
    <xdr:ext cx="534377" cy="259045"/>
    <xdr:sp macro="" textlink="">
      <xdr:nvSpPr>
        <xdr:cNvPr id="496" name="テキスト ボックス 495"/>
        <xdr:cNvSpPr txBox="1"/>
      </xdr:nvSpPr>
      <xdr:spPr>
        <a:xfrm>
          <a:off x="8483111" y="1623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30310</xdr:rowOff>
    </xdr:from>
    <xdr:to>
      <xdr:col>41</xdr:col>
      <xdr:colOff>101600</xdr:colOff>
      <xdr:row>96</xdr:row>
      <xdr:rowOff>60460</xdr:rowOff>
    </xdr:to>
    <xdr:sp macro="" textlink="">
      <xdr:nvSpPr>
        <xdr:cNvPr id="497" name="楕円 496"/>
        <xdr:cNvSpPr/>
      </xdr:nvSpPr>
      <xdr:spPr>
        <a:xfrm>
          <a:off x="7810500" y="16418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51587</xdr:rowOff>
    </xdr:from>
    <xdr:ext cx="534377" cy="259045"/>
    <xdr:sp macro="" textlink="">
      <xdr:nvSpPr>
        <xdr:cNvPr id="498" name="テキスト ボックス 497"/>
        <xdr:cNvSpPr txBox="1"/>
      </xdr:nvSpPr>
      <xdr:spPr>
        <a:xfrm>
          <a:off x="7594111" y="16510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65909</xdr:rowOff>
    </xdr:from>
    <xdr:to>
      <xdr:col>36</xdr:col>
      <xdr:colOff>165100</xdr:colOff>
      <xdr:row>93</xdr:row>
      <xdr:rowOff>167509</xdr:rowOff>
    </xdr:to>
    <xdr:sp macro="" textlink="">
      <xdr:nvSpPr>
        <xdr:cNvPr id="499" name="楕円 498"/>
        <xdr:cNvSpPr/>
      </xdr:nvSpPr>
      <xdr:spPr>
        <a:xfrm>
          <a:off x="6921500" y="16010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58636</xdr:rowOff>
    </xdr:from>
    <xdr:ext cx="534377" cy="259045"/>
    <xdr:sp macro="" textlink="">
      <xdr:nvSpPr>
        <xdr:cNvPr id="500" name="テキスト ボックス 499"/>
        <xdr:cNvSpPr txBox="1"/>
      </xdr:nvSpPr>
      <xdr:spPr>
        <a:xfrm>
          <a:off x="6705111" y="16103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1" name="正方形/長方形 50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2" name="正方形/長方形 50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3" name="正方形/長方形 50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4" name="正方形/長方形 50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5" name="正方形/長方形 50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6" name="正方形/長方形 50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7" name="正方形/長方形 50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8" name="正方形/長方形 50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9" name="テキスト ボックス 50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0" name="直線コネクタ 50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11" name="テキスト ボックス 510"/>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12" name="直線コネクタ 511"/>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13" name="テキスト ボックス 512"/>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4" name="直線コネクタ 513"/>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5" name="テキスト ボックス 514"/>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6" name="直線コネクタ 515"/>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7" name="テキスト ボックス 516"/>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8" name="直線コネクタ 517"/>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9" name="テキスト ボックス 518"/>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20" name="直線コネクタ 519"/>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21" name="テキスト ボックス 520"/>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2" name="直線コネクタ 521"/>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3" name="テキスト ボックス 522"/>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4" name="直線コネクタ 52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5" name="テキスト ボックス 52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46884</xdr:rowOff>
    </xdr:from>
    <xdr:to>
      <xdr:col>85</xdr:col>
      <xdr:colOff>126364</xdr:colOff>
      <xdr:row>38</xdr:row>
      <xdr:rowOff>136924</xdr:rowOff>
    </xdr:to>
    <xdr:cxnSp macro="">
      <xdr:nvCxnSpPr>
        <xdr:cNvPr id="527" name="直線コネクタ 526"/>
        <xdr:cNvCxnSpPr/>
      </xdr:nvCxnSpPr>
      <xdr:spPr>
        <a:xfrm flipV="1">
          <a:off x="16317595" y="5290384"/>
          <a:ext cx="1269" cy="1361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0751</xdr:rowOff>
    </xdr:from>
    <xdr:ext cx="469744" cy="259045"/>
    <xdr:sp macro="" textlink="">
      <xdr:nvSpPr>
        <xdr:cNvPr id="528" name="消防費最小値テキスト"/>
        <xdr:cNvSpPr txBox="1"/>
      </xdr:nvSpPr>
      <xdr:spPr>
        <a:xfrm>
          <a:off x="16370300" y="6655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6924</xdr:rowOff>
    </xdr:from>
    <xdr:to>
      <xdr:col>86</xdr:col>
      <xdr:colOff>25400</xdr:colOff>
      <xdr:row>38</xdr:row>
      <xdr:rowOff>136924</xdr:rowOff>
    </xdr:to>
    <xdr:cxnSp macro="">
      <xdr:nvCxnSpPr>
        <xdr:cNvPr id="529" name="直線コネクタ 528"/>
        <xdr:cNvCxnSpPr/>
      </xdr:nvCxnSpPr>
      <xdr:spPr>
        <a:xfrm>
          <a:off x="16230600" y="665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3561</xdr:rowOff>
    </xdr:from>
    <xdr:ext cx="534377" cy="259045"/>
    <xdr:sp macro="" textlink="">
      <xdr:nvSpPr>
        <xdr:cNvPr id="530" name="消防費最大値テキスト"/>
        <xdr:cNvSpPr txBox="1"/>
      </xdr:nvSpPr>
      <xdr:spPr>
        <a:xfrm>
          <a:off x="16370300" y="5065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5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46884</xdr:rowOff>
    </xdr:from>
    <xdr:to>
      <xdr:col>86</xdr:col>
      <xdr:colOff>25400</xdr:colOff>
      <xdr:row>30</xdr:row>
      <xdr:rowOff>146884</xdr:rowOff>
    </xdr:to>
    <xdr:cxnSp macro="">
      <xdr:nvCxnSpPr>
        <xdr:cNvPr id="531" name="直線コネクタ 530"/>
        <xdr:cNvCxnSpPr/>
      </xdr:nvCxnSpPr>
      <xdr:spPr>
        <a:xfrm>
          <a:off x="16230600" y="5290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10798</xdr:rowOff>
    </xdr:from>
    <xdr:to>
      <xdr:col>85</xdr:col>
      <xdr:colOff>127000</xdr:colOff>
      <xdr:row>35</xdr:row>
      <xdr:rowOff>146721</xdr:rowOff>
    </xdr:to>
    <xdr:cxnSp macro="">
      <xdr:nvCxnSpPr>
        <xdr:cNvPr id="532" name="直線コネクタ 531"/>
        <xdr:cNvCxnSpPr/>
      </xdr:nvCxnSpPr>
      <xdr:spPr>
        <a:xfrm flipV="1">
          <a:off x="15481300" y="6111548"/>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71772</xdr:rowOff>
    </xdr:from>
    <xdr:ext cx="534377" cy="259045"/>
    <xdr:sp macro="" textlink="">
      <xdr:nvSpPr>
        <xdr:cNvPr id="533" name="消防費平均値テキスト"/>
        <xdr:cNvSpPr txBox="1"/>
      </xdr:nvSpPr>
      <xdr:spPr>
        <a:xfrm>
          <a:off x="16370300" y="59010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48895</xdr:rowOff>
    </xdr:from>
    <xdr:to>
      <xdr:col>85</xdr:col>
      <xdr:colOff>177800</xdr:colOff>
      <xdr:row>35</xdr:row>
      <xdr:rowOff>150495</xdr:rowOff>
    </xdr:to>
    <xdr:sp macro="" textlink="">
      <xdr:nvSpPr>
        <xdr:cNvPr id="534" name="フローチャート: 判断 533"/>
        <xdr:cNvSpPr/>
      </xdr:nvSpPr>
      <xdr:spPr>
        <a:xfrm>
          <a:off x="162687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46721</xdr:rowOff>
    </xdr:from>
    <xdr:to>
      <xdr:col>81</xdr:col>
      <xdr:colOff>50800</xdr:colOff>
      <xdr:row>36</xdr:row>
      <xdr:rowOff>113738</xdr:rowOff>
    </xdr:to>
    <xdr:cxnSp macro="">
      <xdr:nvCxnSpPr>
        <xdr:cNvPr id="535" name="直線コネクタ 534"/>
        <xdr:cNvCxnSpPr/>
      </xdr:nvCxnSpPr>
      <xdr:spPr>
        <a:xfrm flipV="1">
          <a:off x="14592300" y="6147471"/>
          <a:ext cx="889000" cy="138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33710</xdr:rowOff>
    </xdr:from>
    <xdr:to>
      <xdr:col>81</xdr:col>
      <xdr:colOff>101600</xdr:colOff>
      <xdr:row>35</xdr:row>
      <xdr:rowOff>135310</xdr:rowOff>
    </xdr:to>
    <xdr:sp macro="" textlink="">
      <xdr:nvSpPr>
        <xdr:cNvPr id="536" name="フローチャート: 判断 535"/>
        <xdr:cNvSpPr/>
      </xdr:nvSpPr>
      <xdr:spPr>
        <a:xfrm>
          <a:off x="15430500" y="6034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51837</xdr:rowOff>
    </xdr:from>
    <xdr:ext cx="534377" cy="259045"/>
    <xdr:sp macro="" textlink="">
      <xdr:nvSpPr>
        <xdr:cNvPr id="537" name="テキスト ボックス 536"/>
        <xdr:cNvSpPr txBox="1"/>
      </xdr:nvSpPr>
      <xdr:spPr>
        <a:xfrm>
          <a:off x="15214111" y="5809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117166</xdr:rowOff>
    </xdr:from>
    <xdr:to>
      <xdr:col>76</xdr:col>
      <xdr:colOff>114300</xdr:colOff>
      <xdr:row>36</xdr:row>
      <xdr:rowOff>113738</xdr:rowOff>
    </xdr:to>
    <xdr:cxnSp macro="">
      <xdr:nvCxnSpPr>
        <xdr:cNvPr id="538" name="直線コネクタ 537"/>
        <xdr:cNvCxnSpPr/>
      </xdr:nvCxnSpPr>
      <xdr:spPr>
        <a:xfrm>
          <a:off x="13703300" y="5946466"/>
          <a:ext cx="889000" cy="339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82042</xdr:rowOff>
    </xdr:from>
    <xdr:to>
      <xdr:col>76</xdr:col>
      <xdr:colOff>165100</xdr:colOff>
      <xdr:row>36</xdr:row>
      <xdr:rowOff>12192</xdr:rowOff>
    </xdr:to>
    <xdr:sp macro="" textlink="">
      <xdr:nvSpPr>
        <xdr:cNvPr id="539" name="フローチャート: 判断 538"/>
        <xdr:cNvSpPr/>
      </xdr:nvSpPr>
      <xdr:spPr>
        <a:xfrm>
          <a:off x="14541500" y="608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28719</xdr:rowOff>
    </xdr:from>
    <xdr:ext cx="534377" cy="259045"/>
    <xdr:sp macro="" textlink="">
      <xdr:nvSpPr>
        <xdr:cNvPr id="540" name="テキスト ボックス 539"/>
        <xdr:cNvSpPr txBox="1"/>
      </xdr:nvSpPr>
      <xdr:spPr>
        <a:xfrm>
          <a:off x="14325111" y="5858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4</xdr:row>
      <xdr:rowOff>117166</xdr:rowOff>
    </xdr:from>
    <xdr:to>
      <xdr:col>71</xdr:col>
      <xdr:colOff>177800</xdr:colOff>
      <xdr:row>35</xdr:row>
      <xdr:rowOff>5642</xdr:rowOff>
    </xdr:to>
    <xdr:cxnSp macro="">
      <xdr:nvCxnSpPr>
        <xdr:cNvPr id="541" name="直線コネクタ 540"/>
        <xdr:cNvCxnSpPr/>
      </xdr:nvCxnSpPr>
      <xdr:spPr>
        <a:xfrm flipV="1">
          <a:off x="12814300" y="5946466"/>
          <a:ext cx="889000" cy="59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92819</xdr:rowOff>
    </xdr:from>
    <xdr:to>
      <xdr:col>72</xdr:col>
      <xdr:colOff>38100</xdr:colOff>
      <xdr:row>35</xdr:row>
      <xdr:rowOff>22969</xdr:rowOff>
    </xdr:to>
    <xdr:sp macro="" textlink="">
      <xdr:nvSpPr>
        <xdr:cNvPr id="542" name="フローチャート: 判断 541"/>
        <xdr:cNvSpPr/>
      </xdr:nvSpPr>
      <xdr:spPr>
        <a:xfrm>
          <a:off x="13652500" y="5922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4096</xdr:rowOff>
    </xdr:from>
    <xdr:ext cx="534377" cy="259045"/>
    <xdr:sp macro="" textlink="">
      <xdr:nvSpPr>
        <xdr:cNvPr id="543" name="テキスト ボックス 542"/>
        <xdr:cNvSpPr txBox="1"/>
      </xdr:nvSpPr>
      <xdr:spPr>
        <a:xfrm>
          <a:off x="13436111" y="6014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67114</xdr:rowOff>
    </xdr:from>
    <xdr:to>
      <xdr:col>67</xdr:col>
      <xdr:colOff>101600</xdr:colOff>
      <xdr:row>35</xdr:row>
      <xdr:rowOff>97264</xdr:rowOff>
    </xdr:to>
    <xdr:sp macro="" textlink="">
      <xdr:nvSpPr>
        <xdr:cNvPr id="544" name="フローチャート: 判断 543"/>
        <xdr:cNvSpPr/>
      </xdr:nvSpPr>
      <xdr:spPr>
        <a:xfrm>
          <a:off x="12763500" y="5996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88391</xdr:rowOff>
    </xdr:from>
    <xdr:ext cx="534377" cy="259045"/>
    <xdr:sp macro="" textlink="">
      <xdr:nvSpPr>
        <xdr:cNvPr id="545" name="テキスト ボックス 544"/>
        <xdr:cNvSpPr txBox="1"/>
      </xdr:nvSpPr>
      <xdr:spPr>
        <a:xfrm>
          <a:off x="12547111" y="6089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6" name="テキスト ボックス 54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7" name="テキスト ボックス 54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8" name="テキスト ボックス 54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9" name="テキスト ボックス 54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50" name="テキスト ボックス 54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59998</xdr:rowOff>
    </xdr:from>
    <xdr:to>
      <xdr:col>85</xdr:col>
      <xdr:colOff>177800</xdr:colOff>
      <xdr:row>35</xdr:row>
      <xdr:rowOff>161598</xdr:rowOff>
    </xdr:to>
    <xdr:sp macro="" textlink="">
      <xdr:nvSpPr>
        <xdr:cNvPr id="551" name="楕円 550"/>
        <xdr:cNvSpPr/>
      </xdr:nvSpPr>
      <xdr:spPr>
        <a:xfrm>
          <a:off x="16268700" y="6060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38425</xdr:rowOff>
    </xdr:from>
    <xdr:ext cx="534377" cy="259045"/>
    <xdr:sp macro="" textlink="">
      <xdr:nvSpPr>
        <xdr:cNvPr id="552" name="消防費該当値テキスト"/>
        <xdr:cNvSpPr txBox="1"/>
      </xdr:nvSpPr>
      <xdr:spPr>
        <a:xfrm>
          <a:off x="16370300" y="6039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95921</xdr:rowOff>
    </xdr:from>
    <xdr:to>
      <xdr:col>81</xdr:col>
      <xdr:colOff>101600</xdr:colOff>
      <xdr:row>36</xdr:row>
      <xdr:rowOff>26071</xdr:rowOff>
    </xdr:to>
    <xdr:sp macro="" textlink="">
      <xdr:nvSpPr>
        <xdr:cNvPr id="553" name="楕円 552"/>
        <xdr:cNvSpPr/>
      </xdr:nvSpPr>
      <xdr:spPr>
        <a:xfrm>
          <a:off x="15430500" y="609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7198</xdr:rowOff>
    </xdr:from>
    <xdr:ext cx="534377" cy="259045"/>
    <xdr:sp macro="" textlink="">
      <xdr:nvSpPr>
        <xdr:cNvPr id="554" name="テキスト ボックス 553"/>
        <xdr:cNvSpPr txBox="1"/>
      </xdr:nvSpPr>
      <xdr:spPr>
        <a:xfrm>
          <a:off x="15214111" y="6189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62938</xdr:rowOff>
    </xdr:from>
    <xdr:to>
      <xdr:col>76</xdr:col>
      <xdr:colOff>165100</xdr:colOff>
      <xdr:row>36</xdr:row>
      <xdr:rowOff>164538</xdr:rowOff>
    </xdr:to>
    <xdr:sp macro="" textlink="">
      <xdr:nvSpPr>
        <xdr:cNvPr id="555" name="楕円 554"/>
        <xdr:cNvSpPr/>
      </xdr:nvSpPr>
      <xdr:spPr>
        <a:xfrm>
          <a:off x="14541500" y="6235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55665</xdr:rowOff>
    </xdr:from>
    <xdr:ext cx="534377" cy="259045"/>
    <xdr:sp macro="" textlink="">
      <xdr:nvSpPr>
        <xdr:cNvPr id="556" name="テキスト ボックス 555"/>
        <xdr:cNvSpPr txBox="1"/>
      </xdr:nvSpPr>
      <xdr:spPr>
        <a:xfrm>
          <a:off x="14325111" y="6327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66366</xdr:rowOff>
    </xdr:from>
    <xdr:to>
      <xdr:col>72</xdr:col>
      <xdr:colOff>38100</xdr:colOff>
      <xdr:row>34</xdr:row>
      <xdr:rowOff>167966</xdr:rowOff>
    </xdr:to>
    <xdr:sp macro="" textlink="">
      <xdr:nvSpPr>
        <xdr:cNvPr id="557" name="楕円 556"/>
        <xdr:cNvSpPr/>
      </xdr:nvSpPr>
      <xdr:spPr>
        <a:xfrm>
          <a:off x="13652500" y="5895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3043</xdr:rowOff>
    </xdr:from>
    <xdr:ext cx="534377" cy="259045"/>
    <xdr:sp macro="" textlink="">
      <xdr:nvSpPr>
        <xdr:cNvPr id="558" name="テキスト ボックス 557"/>
        <xdr:cNvSpPr txBox="1"/>
      </xdr:nvSpPr>
      <xdr:spPr>
        <a:xfrm>
          <a:off x="13436111" y="5670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26292</xdr:rowOff>
    </xdr:from>
    <xdr:to>
      <xdr:col>67</xdr:col>
      <xdr:colOff>101600</xdr:colOff>
      <xdr:row>35</xdr:row>
      <xdr:rowOff>56442</xdr:rowOff>
    </xdr:to>
    <xdr:sp macro="" textlink="">
      <xdr:nvSpPr>
        <xdr:cNvPr id="559" name="楕円 558"/>
        <xdr:cNvSpPr/>
      </xdr:nvSpPr>
      <xdr:spPr>
        <a:xfrm>
          <a:off x="12763500" y="5955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72969</xdr:rowOff>
    </xdr:from>
    <xdr:ext cx="534377" cy="259045"/>
    <xdr:sp macro="" textlink="">
      <xdr:nvSpPr>
        <xdr:cNvPr id="560" name="テキスト ボックス 559"/>
        <xdr:cNvSpPr txBox="1"/>
      </xdr:nvSpPr>
      <xdr:spPr>
        <a:xfrm>
          <a:off x="12547111" y="5730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61" name="正方形/長方形 56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2" name="正方形/長方形 56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3" name="正方形/長方形 56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4" name="正方形/長方形 56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5" name="正方形/長方形 56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6" name="正方形/長方形 56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7" name="正方形/長方形 56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8" name="正方形/長方形 56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9" name="テキスト ボックス 56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70" name="直線コネクタ 56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71" name="テキスト ボックス 570"/>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72" name="直線コネクタ 571"/>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73" name="テキスト ボックス 572"/>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74" name="直線コネクタ 573"/>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75" name="テキスト ボックス 574"/>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76" name="直線コネクタ 57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7" name="テキスト ボックス 576"/>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8" name="直線コネクタ 577"/>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9" name="テキスト ボックス 578"/>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80" name="直線コネクタ 579"/>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81" name="テキスト ボックス 580"/>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2" name="直線コネクタ 58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3" name="テキスト ボックス 582"/>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4"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42011</xdr:rowOff>
    </xdr:from>
    <xdr:to>
      <xdr:col>85</xdr:col>
      <xdr:colOff>126364</xdr:colOff>
      <xdr:row>53</xdr:row>
      <xdr:rowOff>119335</xdr:rowOff>
    </xdr:to>
    <xdr:cxnSp macro="">
      <xdr:nvCxnSpPr>
        <xdr:cNvPr id="585" name="直線コネクタ 584"/>
        <xdr:cNvCxnSpPr/>
      </xdr:nvCxnSpPr>
      <xdr:spPr>
        <a:xfrm flipV="1">
          <a:off x="16317595" y="8785961"/>
          <a:ext cx="1269" cy="4202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23162</xdr:rowOff>
    </xdr:from>
    <xdr:ext cx="534377" cy="259045"/>
    <xdr:sp macro="" textlink="">
      <xdr:nvSpPr>
        <xdr:cNvPr id="586" name="教育費最小値テキスト"/>
        <xdr:cNvSpPr txBox="1"/>
      </xdr:nvSpPr>
      <xdr:spPr>
        <a:xfrm>
          <a:off x="16370300" y="9210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0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3</xdr:row>
      <xdr:rowOff>119335</xdr:rowOff>
    </xdr:from>
    <xdr:to>
      <xdr:col>86</xdr:col>
      <xdr:colOff>25400</xdr:colOff>
      <xdr:row>53</xdr:row>
      <xdr:rowOff>119335</xdr:rowOff>
    </xdr:to>
    <xdr:cxnSp macro="">
      <xdr:nvCxnSpPr>
        <xdr:cNvPr id="587" name="直線コネクタ 586"/>
        <xdr:cNvCxnSpPr/>
      </xdr:nvCxnSpPr>
      <xdr:spPr>
        <a:xfrm>
          <a:off x="16230600" y="9206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60138</xdr:rowOff>
    </xdr:from>
    <xdr:ext cx="534377" cy="259045"/>
    <xdr:sp macro="" textlink="">
      <xdr:nvSpPr>
        <xdr:cNvPr id="588" name="教育費最大値テキスト"/>
        <xdr:cNvSpPr txBox="1"/>
      </xdr:nvSpPr>
      <xdr:spPr>
        <a:xfrm>
          <a:off x="16370300" y="8561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2,12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42011</xdr:rowOff>
    </xdr:from>
    <xdr:to>
      <xdr:col>86</xdr:col>
      <xdr:colOff>25400</xdr:colOff>
      <xdr:row>51</xdr:row>
      <xdr:rowOff>42011</xdr:rowOff>
    </xdr:to>
    <xdr:cxnSp macro="">
      <xdr:nvCxnSpPr>
        <xdr:cNvPr id="589" name="直線コネクタ 588"/>
        <xdr:cNvCxnSpPr/>
      </xdr:nvCxnSpPr>
      <xdr:spPr>
        <a:xfrm>
          <a:off x="16230600" y="878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1</xdr:row>
      <xdr:rowOff>169494</xdr:rowOff>
    </xdr:from>
    <xdr:to>
      <xdr:col>85</xdr:col>
      <xdr:colOff>127000</xdr:colOff>
      <xdr:row>53</xdr:row>
      <xdr:rowOff>25191</xdr:rowOff>
    </xdr:to>
    <xdr:cxnSp macro="">
      <xdr:nvCxnSpPr>
        <xdr:cNvPr id="590" name="直線コネクタ 589"/>
        <xdr:cNvCxnSpPr/>
      </xdr:nvCxnSpPr>
      <xdr:spPr>
        <a:xfrm>
          <a:off x="15481300" y="8913444"/>
          <a:ext cx="838200" cy="198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16756</xdr:rowOff>
    </xdr:from>
    <xdr:ext cx="534377" cy="259045"/>
    <xdr:sp macro="" textlink="">
      <xdr:nvSpPr>
        <xdr:cNvPr id="591" name="教育費平均値テキスト"/>
        <xdr:cNvSpPr txBox="1"/>
      </xdr:nvSpPr>
      <xdr:spPr>
        <a:xfrm>
          <a:off x="16370300" y="87607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1</xdr:row>
      <xdr:rowOff>165329</xdr:rowOff>
    </xdr:from>
    <xdr:to>
      <xdr:col>85</xdr:col>
      <xdr:colOff>177800</xdr:colOff>
      <xdr:row>52</xdr:row>
      <xdr:rowOff>95479</xdr:rowOff>
    </xdr:to>
    <xdr:sp macro="" textlink="">
      <xdr:nvSpPr>
        <xdr:cNvPr id="592" name="フローチャート: 判断 591"/>
        <xdr:cNvSpPr/>
      </xdr:nvSpPr>
      <xdr:spPr>
        <a:xfrm>
          <a:off x="16268700" y="8909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1</xdr:row>
      <xdr:rowOff>169494</xdr:rowOff>
    </xdr:from>
    <xdr:to>
      <xdr:col>81</xdr:col>
      <xdr:colOff>50800</xdr:colOff>
      <xdr:row>57</xdr:row>
      <xdr:rowOff>87732</xdr:rowOff>
    </xdr:to>
    <xdr:cxnSp macro="">
      <xdr:nvCxnSpPr>
        <xdr:cNvPr id="593" name="直線コネクタ 592"/>
        <xdr:cNvCxnSpPr/>
      </xdr:nvCxnSpPr>
      <xdr:spPr>
        <a:xfrm flipV="1">
          <a:off x="14592300" y="8913444"/>
          <a:ext cx="889000" cy="946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1</xdr:row>
      <xdr:rowOff>160338</xdr:rowOff>
    </xdr:from>
    <xdr:to>
      <xdr:col>81</xdr:col>
      <xdr:colOff>101600</xdr:colOff>
      <xdr:row>52</xdr:row>
      <xdr:rowOff>90488</xdr:rowOff>
    </xdr:to>
    <xdr:sp macro="" textlink="">
      <xdr:nvSpPr>
        <xdr:cNvPr id="594" name="フローチャート: 判断 593"/>
        <xdr:cNvSpPr/>
      </xdr:nvSpPr>
      <xdr:spPr>
        <a:xfrm>
          <a:off x="15430500" y="8904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2</xdr:row>
      <xdr:rowOff>81615</xdr:rowOff>
    </xdr:from>
    <xdr:ext cx="534377" cy="259045"/>
    <xdr:sp macro="" textlink="">
      <xdr:nvSpPr>
        <xdr:cNvPr id="595" name="テキスト ボックス 594"/>
        <xdr:cNvSpPr txBox="1"/>
      </xdr:nvSpPr>
      <xdr:spPr>
        <a:xfrm>
          <a:off x="15214111" y="8997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87732</xdr:rowOff>
    </xdr:from>
    <xdr:to>
      <xdr:col>76</xdr:col>
      <xdr:colOff>114300</xdr:colOff>
      <xdr:row>57</xdr:row>
      <xdr:rowOff>97942</xdr:rowOff>
    </xdr:to>
    <xdr:cxnSp macro="">
      <xdr:nvCxnSpPr>
        <xdr:cNvPr id="596" name="直線コネクタ 595"/>
        <xdr:cNvCxnSpPr/>
      </xdr:nvCxnSpPr>
      <xdr:spPr>
        <a:xfrm flipV="1">
          <a:off x="13703300" y="9860382"/>
          <a:ext cx="889000" cy="10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02254</xdr:rowOff>
    </xdr:from>
    <xdr:to>
      <xdr:col>76</xdr:col>
      <xdr:colOff>165100</xdr:colOff>
      <xdr:row>57</xdr:row>
      <xdr:rowOff>32404</xdr:rowOff>
    </xdr:to>
    <xdr:sp macro="" textlink="">
      <xdr:nvSpPr>
        <xdr:cNvPr id="597" name="フローチャート: 判断 596"/>
        <xdr:cNvSpPr/>
      </xdr:nvSpPr>
      <xdr:spPr>
        <a:xfrm>
          <a:off x="14541500" y="9703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48931</xdr:rowOff>
    </xdr:from>
    <xdr:ext cx="534377" cy="259045"/>
    <xdr:sp macro="" textlink="">
      <xdr:nvSpPr>
        <xdr:cNvPr id="598" name="テキスト ボックス 597"/>
        <xdr:cNvSpPr txBox="1"/>
      </xdr:nvSpPr>
      <xdr:spPr>
        <a:xfrm>
          <a:off x="14325111" y="9478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97942</xdr:rowOff>
    </xdr:from>
    <xdr:to>
      <xdr:col>71</xdr:col>
      <xdr:colOff>177800</xdr:colOff>
      <xdr:row>57</xdr:row>
      <xdr:rowOff>106400</xdr:rowOff>
    </xdr:to>
    <xdr:cxnSp macro="">
      <xdr:nvCxnSpPr>
        <xdr:cNvPr id="599" name="直線コネクタ 598"/>
        <xdr:cNvCxnSpPr/>
      </xdr:nvCxnSpPr>
      <xdr:spPr>
        <a:xfrm flipV="1">
          <a:off x="12814300" y="9870592"/>
          <a:ext cx="889000" cy="8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26162</xdr:rowOff>
    </xdr:from>
    <xdr:to>
      <xdr:col>72</xdr:col>
      <xdr:colOff>38100</xdr:colOff>
      <xdr:row>57</xdr:row>
      <xdr:rowOff>56312</xdr:rowOff>
    </xdr:to>
    <xdr:sp macro="" textlink="">
      <xdr:nvSpPr>
        <xdr:cNvPr id="600" name="フローチャート: 判断 599"/>
        <xdr:cNvSpPr/>
      </xdr:nvSpPr>
      <xdr:spPr>
        <a:xfrm>
          <a:off x="13652500" y="9727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72839</xdr:rowOff>
    </xdr:from>
    <xdr:ext cx="534377" cy="259045"/>
    <xdr:sp macro="" textlink="">
      <xdr:nvSpPr>
        <xdr:cNvPr id="601" name="テキスト ボックス 600"/>
        <xdr:cNvSpPr txBox="1"/>
      </xdr:nvSpPr>
      <xdr:spPr>
        <a:xfrm>
          <a:off x="13436111" y="9502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6049</xdr:rowOff>
    </xdr:from>
    <xdr:to>
      <xdr:col>67</xdr:col>
      <xdr:colOff>101600</xdr:colOff>
      <xdr:row>57</xdr:row>
      <xdr:rowOff>66199</xdr:rowOff>
    </xdr:to>
    <xdr:sp macro="" textlink="">
      <xdr:nvSpPr>
        <xdr:cNvPr id="602" name="フローチャート: 判断 601"/>
        <xdr:cNvSpPr/>
      </xdr:nvSpPr>
      <xdr:spPr>
        <a:xfrm>
          <a:off x="12763500" y="973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82726</xdr:rowOff>
    </xdr:from>
    <xdr:ext cx="534377" cy="259045"/>
    <xdr:sp macro="" textlink="">
      <xdr:nvSpPr>
        <xdr:cNvPr id="603" name="テキスト ボックス 602"/>
        <xdr:cNvSpPr txBox="1"/>
      </xdr:nvSpPr>
      <xdr:spPr>
        <a:xfrm>
          <a:off x="12547111" y="9512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4" name="テキスト ボックス 60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5" name="テキスト ボックス 60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6" name="テキスト ボックス 60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7" name="テキスト ボックス 60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8" name="テキスト ボックス 60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2</xdr:row>
      <xdr:rowOff>145841</xdr:rowOff>
    </xdr:from>
    <xdr:to>
      <xdr:col>85</xdr:col>
      <xdr:colOff>177800</xdr:colOff>
      <xdr:row>53</xdr:row>
      <xdr:rowOff>75991</xdr:rowOff>
    </xdr:to>
    <xdr:sp macro="" textlink="">
      <xdr:nvSpPr>
        <xdr:cNvPr id="609" name="楕円 608"/>
        <xdr:cNvSpPr/>
      </xdr:nvSpPr>
      <xdr:spPr>
        <a:xfrm>
          <a:off x="16268700" y="9061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2</xdr:row>
      <xdr:rowOff>60768</xdr:rowOff>
    </xdr:from>
    <xdr:ext cx="534377" cy="259045"/>
    <xdr:sp macro="" textlink="">
      <xdr:nvSpPr>
        <xdr:cNvPr id="610" name="教育費該当値テキスト"/>
        <xdr:cNvSpPr txBox="1"/>
      </xdr:nvSpPr>
      <xdr:spPr>
        <a:xfrm>
          <a:off x="16370300" y="8976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1</xdr:row>
      <xdr:rowOff>118694</xdr:rowOff>
    </xdr:from>
    <xdr:to>
      <xdr:col>81</xdr:col>
      <xdr:colOff>101600</xdr:colOff>
      <xdr:row>52</xdr:row>
      <xdr:rowOff>48844</xdr:rowOff>
    </xdr:to>
    <xdr:sp macro="" textlink="">
      <xdr:nvSpPr>
        <xdr:cNvPr id="611" name="楕円 610"/>
        <xdr:cNvSpPr/>
      </xdr:nvSpPr>
      <xdr:spPr>
        <a:xfrm>
          <a:off x="15430500" y="886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0</xdr:row>
      <xdr:rowOff>65371</xdr:rowOff>
    </xdr:from>
    <xdr:ext cx="534377" cy="259045"/>
    <xdr:sp macro="" textlink="">
      <xdr:nvSpPr>
        <xdr:cNvPr id="612" name="テキスト ボックス 611"/>
        <xdr:cNvSpPr txBox="1"/>
      </xdr:nvSpPr>
      <xdr:spPr>
        <a:xfrm>
          <a:off x="15214111" y="8637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36932</xdr:rowOff>
    </xdr:from>
    <xdr:to>
      <xdr:col>76</xdr:col>
      <xdr:colOff>165100</xdr:colOff>
      <xdr:row>57</xdr:row>
      <xdr:rowOff>138532</xdr:rowOff>
    </xdr:to>
    <xdr:sp macro="" textlink="">
      <xdr:nvSpPr>
        <xdr:cNvPr id="613" name="楕円 612"/>
        <xdr:cNvSpPr/>
      </xdr:nvSpPr>
      <xdr:spPr>
        <a:xfrm>
          <a:off x="14541500" y="9809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29659</xdr:rowOff>
    </xdr:from>
    <xdr:ext cx="534377" cy="259045"/>
    <xdr:sp macro="" textlink="">
      <xdr:nvSpPr>
        <xdr:cNvPr id="614" name="テキスト ボックス 613"/>
        <xdr:cNvSpPr txBox="1"/>
      </xdr:nvSpPr>
      <xdr:spPr>
        <a:xfrm>
          <a:off x="14325111" y="9902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47142</xdr:rowOff>
    </xdr:from>
    <xdr:to>
      <xdr:col>72</xdr:col>
      <xdr:colOff>38100</xdr:colOff>
      <xdr:row>57</xdr:row>
      <xdr:rowOff>148742</xdr:rowOff>
    </xdr:to>
    <xdr:sp macro="" textlink="">
      <xdr:nvSpPr>
        <xdr:cNvPr id="615" name="楕円 614"/>
        <xdr:cNvSpPr/>
      </xdr:nvSpPr>
      <xdr:spPr>
        <a:xfrm>
          <a:off x="13652500" y="9819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39869</xdr:rowOff>
    </xdr:from>
    <xdr:ext cx="534377" cy="259045"/>
    <xdr:sp macro="" textlink="">
      <xdr:nvSpPr>
        <xdr:cNvPr id="616" name="テキスト ボックス 615"/>
        <xdr:cNvSpPr txBox="1"/>
      </xdr:nvSpPr>
      <xdr:spPr>
        <a:xfrm>
          <a:off x="13436111" y="9912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55600</xdr:rowOff>
    </xdr:from>
    <xdr:to>
      <xdr:col>67</xdr:col>
      <xdr:colOff>101600</xdr:colOff>
      <xdr:row>57</xdr:row>
      <xdr:rowOff>157200</xdr:rowOff>
    </xdr:to>
    <xdr:sp macro="" textlink="">
      <xdr:nvSpPr>
        <xdr:cNvPr id="617" name="楕円 616"/>
        <xdr:cNvSpPr/>
      </xdr:nvSpPr>
      <xdr:spPr>
        <a:xfrm>
          <a:off x="12763500" y="9828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48327</xdr:rowOff>
    </xdr:from>
    <xdr:ext cx="534377" cy="259045"/>
    <xdr:sp macro="" textlink="">
      <xdr:nvSpPr>
        <xdr:cNvPr id="618" name="テキスト ボックス 617"/>
        <xdr:cNvSpPr txBox="1"/>
      </xdr:nvSpPr>
      <xdr:spPr>
        <a:xfrm>
          <a:off x="12547111" y="9920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9" name="正方形/長方形 61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20" name="正方形/長方形 61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21" name="正方形/長方形 62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2" name="正方形/長方形 62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3" name="正方形/長方形 62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4" name="正方形/長方形 62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5" name="正方形/長方形 62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6" name="正方形/長方形 62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7" name="テキスト ボックス 62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8" name="直線コネクタ 62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9" name="直線コネクタ 628"/>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30" name="テキスト ボックス 629"/>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31" name="直線コネクタ 630"/>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32" name="テキスト ボックス 631"/>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33" name="直線コネクタ 632"/>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34" name="テキスト ボックス 633"/>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5" name="直線コネクタ 634"/>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36" name="テキスト ボックス 635"/>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7" name="直線コネクタ 636"/>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38" name="テキスト ボックス 637"/>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9" name="直線コネクタ 63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40" name="テキスト ボックス 639"/>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56794</xdr:rowOff>
    </xdr:from>
    <xdr:to>
      <xdr:col>85</xdr:col>
      <xdr:colOff>126364</xdr:colOff>
      <xdr:row>79</xdr:row>
      <xdr:rowOff>44450</xdr:rowOff>
    </xdr:to>
    <xdr:cxnSp macro="">
      <xdr:nvCxnSpPr>
        <xdr:cNvPr id="642" name="直線コネクタ 641"/>
        <xdr:cNvCxnSpPr/>
      </xdr:nvCxnSpPr>
      <xdr:spPr>
        <a:xfrm flipV="1">
          <a:off x="16317595" y="12229744"/>
          <a:ext cx="1269" cy="13592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43"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4" name="直線コネクタ 643"/>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3471</xdr:rowOff>
    </xdr:from>
    <xdr:ext cx="534377" cy="259045"/>
    <xdr:sp macro="" textlink="">
      <xdr:nvSpPr>
        <xdr:cNvPr id="645" name="災害復旧費最大値テキスト"/>
        <xdr:cNvSpPr txBox="1"/>
      </xdr:nvSpPr>
      <xdr:spPr>
        <a:xfrm>
          <a:off x="16370300" y="12004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83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56794</xdr:rowOff>
    </xdr:from>
    <xdr:to>
      <xdr:col>86</xdr:col>
      <xdr:colOff>25400</xdr:colOff>
      <xdr:row>71</xdr:row>
      <xdr:rowOff>56794</xdr:rowOff>
    </xdr:to>
    <xdr:cxnSp macro="">
      <xdr:nvCxnSpPr>
        <xdr:cNvPr id="646" name="直線コネクタ 645"/>
        <xdr:cNvCxnSpPr/>
      </xdr:nvCxnSpPr>
      <xdr:spPr>
        <a:xfrm>
          <a:off x="16230600" y="12229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4468</xdr:rowOff>
    </xdr:from>
    <xdr:to>
      <xdr:col>85</xdr:col>
      <xdr:colOff>127000</xdr:colOff>
      <xdr:row>79</xdr:row>
      <xdr:rowOff>44450</xdr:rowOff>
    </xdr:to>
    <xdr:cxnSp macro="">
      <xdr:nvCxnSpPr>
        <xdr:cNvPr id="647" name="直線コネクタ 646"/>
        <xdr:cNvCxnSpPr/>
      </xdr:nvCxnSpPr>
      <xdr:spPr>
        <a:xfrm>
          <a:off x="15481300" y="13579018"/>
          <a:ext cx="838200" cy="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77640</xdr:rowOff>
    </xdr:from>
    <xdr:ext cx="469744" cy="259045"/>
    <xdr:sp macro="" textlink="">
      <xdr:nvSpPr>
        <xdr:cNvPr id="648" name="災害復旧費平均値テキスト"/>
        <xdr:cNvSpPr txBox="1"/>
      </xdr:nvSpPr>
      <xdr:spPr>
        <a:xfrm>
          <a:off x="16370300" y="132792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4763</xdr:rowOff>
    </xdr:from>
    <xdr:to>
      <xdr:col>85</xdr:col>
      <xdr:colOff>177800</xdr:colOff>
      <xdr:row>78</xdr:row>
      <xdr:rowOff>156363</xdr:rowOff>
    </xdr:to>
    <xdr:sp macro="" textlink="">
      <xdr:nvSpPr>
        <xdr:cNvPr id="649" name="フローチャート: 判断 648"/>
        <xdr:cNvSpPr/>
      </xdr:nvSpPr>
      <xdr:spPr>
        <a:xfrm>
          <a:off x="16268700" y="1342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4468</xdr:rowOff>
    </xdr:from>
    <xdr:to>
      <xdr:col>81</xdr:col>
      <xdr:colOff>50800</xdr:colOff>
      <xdr:row>79</xdr:row>
      <xdr:rowOff>39878</xdr:rowOff>
    </xdr:to>
    <xdr:cxnSp macro="">
      <xdr:nvCxnSpPr>
        <xdr:cNvPr id="650" name="直線コネクタ 649"/>
        <xdr:cNvCxnSpPr/>
      </xdr:nvCxnSpPr>
      <xdr:spPr>
        <a:xfrm flipV="1">
          <a:off x="14592300" y="13579018"/>
          <a:ext cx="889000" cy="5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03149</xdr:rowOff>
    </xdr:from>
    <xdr:to>
      <xdr:col>81</xdr:col>
      <xdr:colOff>101600</xdr:colOff>
      <xdr:row>79</xdr:row>
      <xdr:rowOff>33299</xdr:rowOff>
    </xdr:to>
    <xdr:sp macro="" textlink="">
      <xdr:nvSpPr>
        <xdr:cNvPr id="651" name="フローチャート: 判断 650"/>
        <xdr:cNvSpPr/>
      </xdr:nvSpPr>
      <xdr:spPr>
        <a:xfrm>
          <a:off x="15430500" y="13476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49826</xdr:rowOff>
    </xdr:from>
    <xdr:ext cx="378565" cy="259045"/>
    <xdr:sp macro="" textlink="">
      <xdr:nvSpPr>
        <xdr:cNvPr id="652" name="テキスト ボックス 651"/>
        <xdr:cNvSpPr txBox="1"/>
      </xdr:nvSpPr>
      <xdr:spPr>
        <a:xfrm>
          <a:off x="15292017" y="13251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2334</xdr:rowOff>
    </xdr:from>
    <xdr:to>
      <xdr:col>76</xdr:col>
      <xdr:colOff>114300</xdr:colOff>
      <xdr:row>79</xdr:row>
      <xdr:rowOff>39878</xdr:rowOff>
    </xdr:to>
    <xdr:cxnSp macro="">
      <xdr:nvCxnSpPr>
        <xdr:cNvPr id="653" name="直線コネクタ 652"/>
        <xdr:cNvCxnSpPr/>
      </xdr:nvCxnSpPr>
      <xdr:spPr>
        <a:xfrm>
          <a:off x="13703300" y="13576884"/>
          <a:ext cx="889000" cy="7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03454</xdr:rowOff>
    </xdr:from>
    <xdr:to>
      <xdr:col>76</xdr:col>
      <xdr:colOff>165100</xdr:colOff>
      <xdr:row>79</xdr:row>
      <xdr:rowOff>33604</xdr:rowOff>
    </xdr:to>
    <xdr:sp macro="" textlink="">
      <xdr:nvSpPr>
        <xdr:cNvPr id="654" name="フローチャート: 判断 653"/>
        <xdr:cNvSpPr/>
      </xdr:nvSpPr>
      <xdr:spPr>
        <a:xfrm>
          <a:off x="14541500" y="13476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50131</xdr:rowOff>
    </xdr:from>
    <xdr:ext cx="378565" cy="259045"/>
    <xdr:sp macro="" textlink="">
      <xdr:nvSpPr>
        <xdr:cNvPr id="655" name="テキスト ボックス 654"/>
        <xdr:cNvSpPr txBox="1"/>
      </xdr:nvSpPr>
      <xdr:spPr>
        <a:xfrm>
          <a:off x="14403017" y="13251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2334</xdr:rowOff>
    </xdr:from>
    <xdr:to>
      <xdr:col>71</xdr:col>
      <xdr:colOff>177800</xdr:colOff>
      <xdr:row>79</xdr:row>
      <xdr:rowOff>39039</xdr:rowOff>
    </xdr:to>
    <xdr:cxnSp macro="">
      <xdr:nvCxnSpPr>
        <xdr:cNvPr id="656" name="直線コネクタ 655"/>
        <xdr:cNvCxnSpPr/>
      </xdr:nvCxnSpPr>
      <xdr:spPr>
        <a:xfrm flipV="1">
          <a:off x="12814300" y="13576884"/>
          <a:ext cx="889000" cy="6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0217</xdr:rowOff>
    </xdr:from>
    <xdr:to>
      <xdr:col>72</xdr:col>
      <xdr:colOff>38100</xdr:colOff>
      <xdr:row>79</xdr:row>
      <xdr:rowOff>50367</xdr:rowOff>
    </xdr:to>
    <xdr:sp macro="" textlink="">
      <xdr:nvSpPr>
        <xdr:cNvPr id="657" name="フローチャート: 判断 656"/>
        <xdr:cNvSpPr/>
      </xdr:nvSpPr>
      <xdr:spPr>
        <a:xfrm>
          <a:off x="13652500" y="13493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66894</xdr:rowOff>
    </xdr:from>
    <xdr:ext cx="378565" cy="259045"/>
    <xdr:sp macro="" textlink="">
      <xdr:nvSpPr>
        <xdr:cNvPr id="658" name="テキスト ボックス 657"/>
        <xdr:cNvSpPr txBox="1"/>
      </xdr:nvSpPr>
      <xdr:spPr>
        <a:xfrm>
          <a:off x="13514017" y="132685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6959</xdr:rowOff>
    </xdr:from>
    <xdr:to>
      <xdr:col>67</xdr:col>
      <xdr:colOff>101600</xdr:colOff>
      <xdr:row>79</xdr:row>
      <xdr:rowOff>37109</xdr:rowOff>
    </xdr:to>
    <xdr:sp macro="" textlink="">
      <xdr:nvSpPr>
        <xdr:cNvPr id="659" name="フローチャート: 判断 658"/>
        <xdr:cNvSpPr/>
      </xdr:nvSpPr>
      <xdr:spPr>
        <a:xfrm>
          <a:off x="12763500" y="13480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53636</xdr:rowOff>
    </xdr:from>
    <xdr:ext cx="378565" cy="259045"/>
    <xdr:sp macro="" textlink="">
      <xdr:nvSpPr>
        <xdr:cNvPr id="660" name="テキスト ボックス 659"/>
        <xdr:cNvSpPr txBox="1"/>
      </xdr:nvSpPr>
      <xdr:spPr>
        <a:xfrm>
          <a:off x="12625017" y="13255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1" name="テキスト ボックス 66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2" name="テキスト ボックス 66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3" name="テキスト ボックス 66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4" name="テキスト ボックス 66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5" name="テキスト ボックス 66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66" name="楕円 665"/>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67"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5118</xdr:rowOff>
    </xdr:from>
    <xdr:to>
      <xdr:col>81</xdr:col>
      <xdr:colOff>101600</xdr:colOff>
      <xdr:row>79</xdr:row>
      <xdr:rowOff>85268</xdr:rowOff>
    </xdr:to>
    <xdr:sp macro="" textlink="">
      <xdr:nvSpPr>
        <xdr:cNvPr id="668" name="楕円 667"/>
        <xdr:cNvSpPr/>
      </xdr:nvSpPr>
      <xdr:spPr>
        <a:xfrm>
          <a:off x="15430500" y="13528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76395</xdr:rowOff>
    </xdr:from>
    <xdr:ext cx="378565" cy="259045"/>
    <xdr:sp macro="" textlink="">
      <xdr:nvSpPr>
        <xdr:cNvPr id="669" name="テキスト ボックス 668"/>
        <xdr:cNvSpPr txBox="1"/>
      </xdr:nvSpPr>
      <xdr:spPr>
        <a:xfrm>
          <a:off x="15292017" y="13620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0528</xdr:rowOff>
    </xdr:from>
    <xdr:to>
      <xdr:col>76</xdr:col>
      <xdr:colOff>165100</xdr:colOff>
      <xdr:row>79</xdr:row>
      <xdr:rowOff>90678</xdr:rowOff>
    </xdr:to>
    <xdr:sp macro="" textlink="">
      <xdr:nvSpPr>
        <xdr:cNvPr id="670" name="楕円 669"/>
        <xdr:cNvSpPr/>
      </xdr:nvSpPr>
      <xdr:spPr>
        <a:xfrm>
          <a:off x="14541500" y="1353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81805</xdr:rowOff>
    </xdr:from>
    <xdr:ext cx="313932" cy="259045"/>
    <xdr:sp macro="" textlink="">
      <xdr:nvSpPr>
        <xdr:cNvPr id="671" name="テキスト ボックス 670"/>
        <xdr:cNvSpPr txBox="1"/>
      </xdr:nvSpPr>
      <xdr:spPr>
        <a:xfrm>
          <a:off x="14435333" y="136263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2984</xdr:rowOff>
    </xdr:from>
    <xdr:to>
      <xdr:col>72</xdr:col>
      <xdr:colOff>38100</xdr:colOff>
      <xdr:row>79</xdr:row>
      <xdr:rowOff>83134</xdr:rowOff>
    </xdr:to>
    <xdr:sp macro="" textlink="">
      <xdr:nvSpPr>
        <xdr:cNvPr id="672" name="楕円 671"/>
        <xdr:cNvSpPr/>
      </xdr:nvSpPr>
      <xdr:spPr>
        <a:xfrm>
          <a:off x="13652500" y="1352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74261</xdr:rowOff>
    </xdr:from>
    <xdr:ext cx="378565" cy="259045"/>
    <xdr:sp macro="" textlink="">
      <xdr:nvSpPr>
        <xdr:cNvPr id="673" name="テキスト ボックス 672"/>
        <xdr:cNvSpPr txBox="1"/>
      </xdr:nvSpPr>
      <xdr:spPr>
        <a:xfrm>
          <a:off x="13514017" y="13618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9689</xdr:rowOff>
    </xdr:from>
    <xdr:to>
      <xdr:col>67</xdr:col>
      <xdr:colOff>101600</xdr:colOff>
      <xdr:row>79</xdr:row>
      <xdr:rowOff>89839</xdr:rowOff>
    </xdr:to>
    <xdr:sp macro="" textlink="">
      <xdr:nvSpPr>
        <xdr:cNvPr id="674" name="楕円 673"/>
        <xdr:cNvSpPr/>
      </xdr:nvSpPr>
      <xdr:spPr>
        <a:xfrm>
          <a:off x="12763500" y="13532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80966</xdr:rowOff>
    </xdr:from>
    <xdr:ext cx="313932" cy="259045"/>
    <xdr:sp macro="" textlink="">
      <xdr:nvSpPr>
        <xdr:cNvPr id="675" name="テキスト ボックス 674"/>
        <xdr:cNvSpPr txBox="1"/>
      </xdr:nvSpPr>
      <xdr:spPr>
        <a:xfrm>
          <a:off x="12657333" y="1362551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6" name="正方形/長方形 67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7" name="正方形/長方形 67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8" name="正方形/長方形 67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9" name="正方形/長方形 67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0" name="正方形/長方形 67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1" name="正方形/長方形 68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2" name="正方形/長方形 68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3" name="正方形/長方形 68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4" name="テキスト ボックス 68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5" name="直線コネクタ 68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100</xdr:row>
      <xdr:rowOff>111777</xdr:rowOff>
    </xdr:from>
    <xdr:ext cx="531299" cy="259045"/>
    <xdr:sp macro="" textlink="">
      <xdr:nvSpPr>
        <xdr:cNvPr id="686" name="テキスト ボックス 685"/>
        <xdr:cNvSpPr txBox="1"/>
      </xdr:nvSpPr>
      <xdr:spPr>
        <a:xfrm>
          <a:off x="11914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44450</xdr:rowOff>
    </xdr:from>
    <xdr:to>
      <xdr:col>89</xdr:col>
      <xdr:colOff>177800</xdr:colOff>
      <xdr:row>99</xdr:row>
      <xdr:rowOff>44450</xdr:rowOff>
    </xdr:to>
    <xdr:cxnSp macro="">
      <xdr:nvCxnSpPr>
        <xdr:cNvPr id="687" name="直線コネクタ 68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73677</xdr:rowOff>
    </xdr:from>
    <xdr:ext cx="531299" cy="259045"/>
    <xdr:sp macro="" textlink="">
      <xdr:nvSpPr>
        <xdr:cNvPr id="688" name="テキスト ボックス 687"/>
        <xdr:cNvSpPr txBox="1"/>
      </xdr:nvSpPr>
      <xdr:spPr>
        <a:xfrm>
          <a:off x="11914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9" name="直線コネクタ 68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90" name="テキスト ボックス 68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91" name="直線コネクタ 69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92" name="テキスト ボックス 69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93" name="直線コネクタ 69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94" name="テキスト ボックス 693"/>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95" name="直線コネクタ 69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96" name="テキスト ボックス 695"/>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7" name="直線コネクタ 69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8" name="テキスト ボックス 69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21355</xdr:rowOff>
    </xdr:from>
    <xdr:to>
      <xdr:col>85</xdr:col>
      <xdr:colOff>126364</xdr:colOff>
      <xdr:row>99</xdr:row>
      <xdr:rowOff>129927</xdr:rowOff>
    </xdr:to>
    <xdr:cxnSp macro="">
      <xdr:nvCxnSpPr>
        <xdr:cNvPr id="700" name="直線コネクタ 699"/>
        <xdr:cNvCxnSpPr/>
      </xdr:nvCxnSpPr>
      <xdr:spPr>
        <a:xfrm flipV="1">
          <a:off x="16317595" y="15723305"/>
          <a:ext cx="1269" cy="13801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33754</xdr:rowOff>
    </xdr:from>
    <xdr:ext cx="534377" cy="259045"/>
    <xdr:sp macro="" textlink="">
      <xdr:nvSpPr>
        <xdr:cNvPr id="701" name="公債費最小値テキスト"/>
        <xdr:cNvSpPr txBox="1"/>
      </xdr:nvSpPr>
      <xdr:spPr>
        <a:xfrm>
          <a:off x="16370300" y="17107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5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29927</xdr:rowOff>
    </xdr:from>
    <xdr:to>
      <xdr:col>86</xdr:col>
      <xdr:colOff>25400</xdr:colOff>
      <xdr:row>99</xdr:row>
      <xdr:rowOff>129927</xdr:rowOff>
    </xdr:to>
    <xdr:cxnSp macro="">
      <xdr:nvCxnSpPr>
        <xdr:cNvPr id="702" name="直線コネクタ 701"/>
        <xdr:cNvCxnSpPr/>
      </xdr:nvCxnSpPr>
      <xdr:spPr>
        <a:xfrm>
          <a:off x="16230600" y="17103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8032</xdr:rowOff>
    </xdr:from>
    <xdr:ext cx="599010" cy="259045"/>
    <xdr:sp macro="" textlink="">
      <xdr:nvSpPr>
        <xdr:cNvPr id="703" name="公債費最大値テキスト"/>
        <xdr:cNvSpPr txBox="1"/>
      </xdr:nvSpPr>
      <xdr:spPr>
        <a:xfrm>
          <a:off x="16370300" y="154985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9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21355</xdr:rowOff>
    </xdr:from>
    <xdr:to>
      <xdr:col>86</xdr:col>
      <xdr:colOff>25400</xdr:colOff>
      <xdr:row>91</xdr:row>
      <xdr:rowOff>121355</xdr:rowOff>
    </xdr:to>
    <xdr:cxnSp macro="">
      <xdr:nvCxnSpPr>
        <xdr:cNvPr id="704" name="直線コネクタ 703"/>
        <xdr:cNvCxnSpPr/>
      </xdr:nvCxnSpPr>
      <xdr:spPr>
        <a:xfrm>
          <a:off x="16230600" y="15723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9822</xdr:rowOff>
    </xdr:from>
    <xdr:to>
      <xdr:col>85</xdr:col>
      <xdr:colOff>127000</xdr:colOff>
      <xdr:row>98</xdr:row>
      <xdr:rowOff>56851</xdr:rowOff>
    </xdr:to>
    <xdr:cxnSp macro="">
      <xdr:nvCxnSpPr>
        <xdr:cNvPr id="705" name="直線コネクタ 704"/>
        <xdr:cNvCxnSpPr/>
      </xdr:nvCxnSpPr>
      <xdr:spPr>
        <a:xfrm flipV="1">
          <a:off x="15481300" y="16851922"/>
          <a:ext cx="838200" cy="7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667</xdr:rowOff>
    </xdr:from>
    <xdr:ext cx="534377" cy="259045"/>
    <xdr:sp macro="" textlink="">
      <xdr:nvSpPr>
        <xdr:cNvPr id="706" name="公債費平均値テキスト"/>
        <xdr:cNvSpPr txBox="1"/>
      </xdr:nvSpPr>
      <xdr:spPr>
        <a:xfrm>
          <a:off x="16370300" y="16460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0240</xdr:rowOff>
    </xdr:from>
    <xdr:to>
      <xdr:col>85</xdr:col>
      <xdr:colOff>177800</xdr:colOff>
      <xdr:row>97</xdr:row>
      <xdr:rowOff>80390</xdr:rowOff>
    </xdr:to>
    <xdr:sp macro="" textlink="">
      <xdr:nvSpPr>
        <xdr:cNvPr id="707" name="フローチャート: 判断 706"/>
        <xdr:cNvSpPr/>
      </xdr:nvSpPr>
      <xdr:spPr>
        <a:xfrm>
          <a:off x="16268700" y="1660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33553</xdr:rowOff>
    </xdr:from>
    <xdr:to>
      <xdr:col>81</xdr:col>
      <xdr:colOff>50800</xdr:colOff>
      <xdr:row>98</xdr:row>
      <xdr:rowOff>56851</xdr:rowOff>
    </xdr:to>
    <xdr:cxnSp macro="">
      <xdr:nvCxnSpPr>
        <xdr:cNvPr id="708" name="直線コネクタ 707"/>
        <xdr:cNvCxnSpPr/>
      </xdr:nvCxnSpPr>
      <xdr:spPr>
        <a:xfrm>
          <a:off x="14592300" y="16835653"/>
          <a:ext cx="889000" cy="23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61310</xdr:rowOff>
    </xdr:from>
    <xdr:to>
      <xdr:col>81</xdr:col>
      <xdr:colOff>101600</xdr:colOff>
      <xdr:row>97</xdr:row>
      <xdr:rowOff>91460</xdr:rowOff>
    </xdr:to>
    <xdr:sp macro="" textlink="">
      <xdr:nvSpPr>
        <xdr:cNvPr id="709" name="フローチャート: 判断 708"/>
        <xdr:cNvSpPr/>
      </xdr:nvSpPr>
      <xdr:spPr>
        <a:xfrm>
          <a:off x="15430500" y="1662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07987</xdr:rowOff>
    </xdr:from>
    <xdr:ext cx="534377" cy="259045"/>
    <xdr:sp macro="" textlink="">
      <xdr:nvSpPr>
        <xdr:cNvPr id="710" name="テキスト ボックス 709"/>
        <xdr:cNvSpPr txBox="1"/>
      </xdr:nvSpPr>
      <xdr:spPr>
        <a:xfrm>
          <a:off x="15214111" y="16395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3553</xdr:rowOff>
    </xdr:from>
    <xdr:to>
      <xdr:col>76</xdr:col>
      <xdr:colOff>114300</xdr:colOff>
      <xdr:row>98</xdr:row>
      <xdr:rowOff>51499</xdr:rowOff>
    </xdr:to>
    <xdr:cxnSp macro="">
      <xdr:nvCxnSpPr>
        <xdr:cNvPr id="711" name="直線コネクタ 710"/>
        <xdr:cNvCxnSpPr/>
      </xdr:nvCxnSpPr>
      <xdr:spPr>
        <a:xfrm flipV="1">
          <a:off x="13703300" y="16835653"/>
          <a:ext cx="889000" cy="17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49289</xdr:rowOff>
    </xdr:from>
    <xdr:to>
      <xdr:col>76</xdr:col>
      <xdr:colOff>165100</xdr:colOff>
      <xdr:row>97</xdr:row>
      <xdr:rowOff>79439</xdr:rowOff>
    </xdr:to>
    <xdr:sp macro="" textlink="">
      <xdr:nvSpPr>
        <xdr:cNvPr id="712" name="フローチャート: 判断 711"/>
        <xdr:cNvSpPr/>
      </xdr:nvSpPr>
      <xdr:spPr>
        <a:xfrm>
          <a:off x="14541500" y="16608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95966</xdr:rowOff>
    </xdr:from>
    <xdr:ext cx="534377" cy="259045"/>
    <xdr:sp macro="" textlink="">
      <xdr:nvSpPr>
        <xdr:cNvPr id="713" name="テキスト ボックス 712"/>
        <xdr:cNvSpPr txBox="1"/>
      </xdr:nvSpPr>
      <xdr:spPr>
        <a:xfrm>
          <a:off x="14325111" y="16383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51499</xdr:rowOff>
    </xdr:from>
    <xdr:to>
      <xdr:col>71</xdr:col>
      <xdr:colOff>177800</xdr:colOff>
      <xdr:row>98</xdr:row>
      <xdr:rowOff>53651</xdr:rowOff>
    </xdr:to>
    <xdr:cxnSp macro="">
      <xdr:nvCxnSpPr>
        <xdr:cNvPr id="714" name="直線コネクタ 713"/>
        <xdr:cNvCxnSpPr/>
      </xdr:nvCxnSpPr>
      <xdr:spPr>
        <a:xfrm flipV="1">
          <a:off x="12814300" y="16853599"/>
          <a:ext cx="889000" cy="2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38582</xdr:rowOff>
    </xdr:from>
    <xdr:to>
      <xdr:col>72</xdr:col>
      <xdr:colOff>38100</xdr:colOff>
      <xdr:row>97</xdr:row>
      <xdr:rowOff>68732</xdr:rowOff>
    </xdr:to>
    <xdr:sp macro="" textlink="">
      <xdr:nvSpPr>
        <xdr:cNvPr id="715" name="フローチャート: 判断 714"/>
        <xdr:cNvSpPr/>
      </xdr:nvSpPr>
      <xdr:spPr>
        <a:xfrm>
          <a:off x="13652500" y="16597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85259</xdr:rowOff>
    </xdr:from>
    <xdr:ext cx="534377" cy="259045"/>
    <xdr:sp macro="" textlink="">
      <xdr:nvSpPr>
        <xdr:cNvPr id="716" name="テキスト ボックス 715"/>
        <xdr:cNvSpPr txBox="1"/>
      </xdr:nvSpPr>
      <xdr:spPr>
        <a:xfrm>
          <a:off x="13436111" y="16373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5193</xdr:rowOff>
    </xdr:from>
    <xdr:to>
      <xdr:col>67</xdr:col>
      <xdr:colOff>101600</xdr:colOff>
      <xdr:row>97</xdr:row>
      <xdr:rowOff>75343</xdr:rowOff>
    </xdr:to>
    <xdr:sp macro="" textlink="">
      <xdr:nvSpPr>
        <xdr:cNvPr id="717" name="フローチャート: 判断 716"/>
        <xdr:cNvSpPr/>
      </xdr:nvSpPr>
      <xdr:spPr>
        <a:xfrm>
          <a:off x="12763500" y="16604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91870</xdr:rowOff>
    </xdr:from>
    <xdr:ext cx="534377" cy="259045"/>
    <xdr:sp macro="" textlink="">
      <xdr:nvSpPr>
        <xdr:cNvPr id="718" name="テキスト ボックス 717"/>
        <xdr:cNvSpPr txBox="1"/>
      </xdr:nvSpPr>
      <xdr:spPr>
        <a:xfrm>
          <a:off x="12547111" y="16379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9" name="テキスト ボックス 71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0" name="テキスト ボックス 71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1" name="テキスト ボックス 72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2" name="テキスト ボックス 72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3" name="テキスト ボックス 72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70472</xdr:rowOff>
    </xdr:from>
    <xdr:to>
      <xdr:col>85</xdr:col>
      <xdr:colOff>177800</xdr:colOff>
      <xdr:row>98</xdr:row>
      <xdr:rowOff>100622</xdr:rowOff>
    </xdr:to>
    <xdr:sp macro="" textlink="">
      <xdr:nvSpPr>
        <xdr:cNvPr id="724" name="楕円 723"/>
        <xdr:cNvSpPr/>
      </xdr:nvSpPr>
      <xdr:spPr>
        <a:xfrm>
          <a:off x="16268700" y="16801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48899</xdr:rowOff>
    </xdr:from>
    <xdr:ext cx="534377" cy="259045"/>
    <xdr:sp macro="" textlink="">
      <xdr:nvSpPr>
        <xdr:cNvPr id="725" name="公債費該当値テキスト"/>
        <xdr:cNvSpPr txBox="1"/>
      </xdr:nvSpPr>
      <xdr:spPr>
        <a:xfrm>
          <a:off x="16370300" y="1677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6051</xdr:rowOff>
    </xdr:from>
    <xdr:to>
      <xdr:col>81</xdr:col>
      <xdr:colOff>101600</xdr:colOff>
      <xdr:row>98</xdr:row>
      <xdr:rowOff>107651</xdr:rowOff>
    </xdr:to>
    <xdr:sp macro="" textlink="">
      <xdr:nvSpPr>
        <xdr:cNvPr id="726" name="楕円 725"/>
        <xdr:cNvSpPr/>
      </xdr:nvSpPr>
      <xdr:spPr>
        <a:xfrm>
          <a:off x="15430500" y="16808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98778</xdr:rowOff>
    </xdr:from>
    <xdr:ext cx="534377" cy="259045"/>
    <xdr:sp macro="" textlink="">
      <xdr:nvSpPr>
        <xdr:cNvPr id="727" name="テキスト ボックス 726"/>
        <xdr:cNvSpPr txBox="1"/>
      </xdr:nvSpPr>
      <xdr:spPr>
        <a:xfrm>
          <a:off x="15214111" y="16900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54203</xdr:rowOff>
    </xdr:from>
    <xdr:to>
      <xdr:col>76</xdr:col>
      <xdr:colOff>165100</xdr:colOff>
      <xdr:row>98</xdr:row>
      <xdr:rowOff>84353</xdr:rowOff>
    </xdr:to>
    <xdr:sp macro="" textlink="">
      <xdr:nvSpPr>
        <xdr:cNvPr id="728" name="楕円 727"/>
        <xdr:cNvSpPr/>
      </xdr:nvSpPr>
      <xdr:spPr>
        <a:xfrm>
          <a:off x="14541500" y="16784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75480</xdr:rowOff>
    </xdr:from>
    <xdr:ext cx="534377" cy="259045"/>
    <xdr:sp macro="" textlink="">
      <xdr:nvSpPr>
        <xdr:cNvPr id="729" name="テキスト ボックス 728"/>
        <xdr:cNvSpPr txBox="1"/>
      </xdr:nvSpPr>
      <xdr:spPr>
        <a:xfrm>
          <a:off x="14325111" y="16877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99</xdr:rowOff>
    </xdr:from>
    <xdr:to>
      <xdr:col>72</xdr:col>
      <xdr:colOff>38100</xdr:colOff>
      <xdr:row>98</xdr:row>
      <xdr:rowOff>102299</xdr:rowOff>
    </xdr:to>
    <xdr:sp macro="" textlink="">
      <xdr:nvSpPr>
        <xdr:cNvPr id="730" name="楕円 729"/>
        <xdr:cNvSpPr/>
      </xdr:nvSpPr>
      <xdr:spPr>
        <a:xfrm>
          <a:off x="13652500" y="16802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93426</xdr:rowOff>
    </xdr:from>
    <xdr:ext cx="534377" cy="259045"/>
    <xdr:sp macro="" textlink="">
      <xdr:nvSpPr>
        <xdr:cNvPr id="731" name="テキスト ボックス 730"/>
        <xdr:cNvSpPr txBox="1"/>
      </xdr:nvSpPr>
      <xdr:spPr>
        <a:xfrm>
          <a:off x="13436111" y="16895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851</xdr:rowOff>
    </xdr:from>
    <xdr:to>
      <xdr:col>67</xdr:col>
      <xdr:colOff>101600</xdr:colOff>
      <xdr:row>98</xdr:row>
      <xdr:rowOff>104451</xdr:rowOff>
    </xdr:to>
    <xdr:sp macro="" textlink="">
      <xdr:nvSpPr>
        <xdr:cNvPr id="732" name="楕円 731"/>
        <xdr:cNvSpPr/>
      </xdr:nvSpPr>
      <xdr:spPr>
        <a:xfrm>
          <a:off x="12763500" y="16804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95578</xdr:rowOff>
    </xdr:from>
    <xdr:ext cx="534377" cy="259045"/>
    <xdr:sp macro="" textlink="">
      <xdr:nvSpPr>
        <xdr:cNvPr id="733" name="テキスト ボックス 732"/>
        <xdr:cNvSpPr txBox="1"/>
      </xdr:nvSpPr>
      <xdr:spPr>
        <a:xfrm>
          <a:off x="12547111" y="16897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4" name="正方形/長方形 73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5" name="正方形/長方形 73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6" name="正方形/長方形 73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7" name="正方形/長方形 73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8" name="正方形/長方形 73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9" name="正方形/長方形 73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0" name="正方形/長方形 73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1" name="正方形/長方形 74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2" name="テキスト ボックス 74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3" name="直線コネクタ 74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4" name="直線コネクタ 743"/>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5" name="テキスト ボックス 744"/>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6" name="直線コネクタ 745"/>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47" name="テキスト ボックス 746"/>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8" name="直線コネクタ 747"/>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49" name="テキスト ボックス 748"/>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0" name="直線コネクタ 749"/>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51" name="テキスト ボックス 750"/>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2" name="直線コネクタ 751"/>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53" name="テキスト ボックス 752"/>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4" name="直線コネクタ 753"/>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55" name="テキスト ボックス 754"/>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6" name="直線コネクタ 75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7" name="テキスト ボックス 75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8"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5509</xdr:rowOff>
    </xdr:from>
    <xdr:to>
      <xdr:col>116</xdr:col>
      <xdr:colOff>62864</xdr:colOff>
      <xdr:row>39</xdr:row>
      <xdr:rowOff>98878</xdr:rowOff>
    </xdr:to>
    <xdr:cxnSp macro="">
      <xdr:nvCxnSpPr>
        <xdr:cNvPr id="759" name="直線コネクタ 758"/>
        <xdr:cNvCxnSpPr/>
      </xdr:nvCxnSpPr>
      <xdr:spPr>
        <a:xfrm flipV="1">
          <a:off x="22159595" y="5340459"/>
          <a:ext cx="1269" cy="1444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60"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1" name="直線コネクタ 760"/>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3636</xdr:rowOff>
    </xdr:from>
    <xdr:ext cx="534377" cy="259045"/>
    <xdr:sp macro="" textlink="">
      <xdr:nvSpPr>
        <xdr:cNvPr id="762" name="諸支出金最大値テキスト"/>
        <xdr:cNvSpPr txBox="1"/>
      </xdr:nvSpPr>
      <xdr:spPr>
        <a:xfrm>
          <a:off x="22212300" y="5115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274</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25509</xdr:rowOff>
    </xdr:from>
    <xdr:to>
      <xdr:col>116</xdr:col>
      <xdr:colOff>152400</xdr:colOff>
      <xdr:row>31</xdr:row>
      <xdr:rowOff>25509</xdr:rowOff>
    </xdr:to>
    <xdr:cxnSp macro="">
      <xdr:nvCxnSpPr>
        <xdr:cNvPr id="763" name="直線コネクタ 762"/>
        <xdr:cNvCxnSpPr/>
      </xdr:nvCxnSpPr>
      <xdr:spPr>
        <a:xfrm>
          <a:off x="22072600" y="53404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8092</xdr:rowOff>
    </xdr:from>
    <xdr:to>
      <xdr:col>116</xdr:col>
      <xdr:colOff>63500</xdr:colOff>
      <xdr:row>39</xdr:row>
      <xdr:rowOff>12119</xdr:rowOff>
    </xdr:to>
    <xdr:cxnSp macro="">
      <xdr:nvCxnSpPr>
        <xdr:cNvPr id="764" name="直線コネクタ 763"/>
        <xdr:cNvCxnSpPr/>
      </xdr:nvCxnSpPr>
      <xdr:spPr>
        <a:xfrm flipV="1">
          <a:off x="21323300" y="6694642"/>
          <a:ext cx="838200" cy="4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28719</xdr:rowOff>
    </xdr:from>
    <xdr:ext cx="469744" cy="259045"/>
    <xdr:sp macro="" textlink="">
      <xdr:nvSpPr>
        <xdr:cNvPr id="765" name="諸支出金平均値テキスト"/>
        <xdr:cNvSpPr txBox="1"/>
      </xdr:nvSpPr>
      <xdr:spPr>
        <a:xfrm>
          <a:off x="22212300" y="62009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5842</xdr:rowOff>
    </xdr:from>
    <xdr:to>
      <xdr:col>116</xdr:col>
      <xdr:colOff>114300</xdr:colOff>
      <xdr:row>37</xdr:row>
      <xdr:rowOff>107442</xdr:rowOff>
    </xdr:to>
    <xdr:sp macro="" textlink="">
      <xdr:nvSpPr>
        <xdr:cNvPr id="766" name="フローチャート: 判断 765"/>
        <xdr:cNvSpPr/>
      </xdr:nvSpPr>
      <xdr:spPr>
        <a:xfrm>
          <a:off x="22110700" y="6349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507</xdr:rowOff>
    </xdr:from>
    <xdr:to>
      <xdr:col>111</xdr:col>
      <xdr:colOff>177800</xdr:colOff>
      <xdr:row>39</xdr:row>
      <xdr:rowOff>12119</xdr:rowOff>
    </xdr:to>
    <xdr:cxnSp macro="">
      <xdr:nvCxnSpPr>
        <xdr:cNvPr id="767" name="直線コネクタ 766"/>
        <xdr:cNvCxnSpPr/>
      </xdr:nvCxnSpPr>
      <xdr:spPr>
        <a:xfrm>
          <a:off x="20434300" y="6696057"/>
          <a:ext cx="889000" cy="2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52690</xdr:rowOff>
    </xdr:from>
    <xdr:to>
      <xdr:col>112</xdr:col>
      <xdr:colOff>38100</xdr:colOff>
      <xdr:row>37</xdr:row>
      <xdr:rowOff>82840</xdr:rowOff>
    </xdr:to>
    <xdr:sp macro="" textlink="">
      <xdr:nvSpPr>
        <xdr:cNvPr id="768" name="フローチャート: 判断 767"/>
        <xdr:cNvSpPr/>
      </xdr:nvSpPr>
      <xdr:spPr>
        <a:xfrm>
          <a:off x="21272500" y="6324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99367</xdr:rowOff>
    </xdr:from>
    <xdr:ext cx="469744" cy="259045"/>
    <xdr:sp macro="" textlink="">
      <xdr:nvSpPr>
        <xdr:cNvPr id="769" name="テキスト ボックス 768"/>
        <xdr:cNvSpPr txBox="1"/>
      </xdr:nvSpPr>
      <xdr:spPr>
        <a:xfrm>
          <a:off x="21088428" y="6100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71377</xdr:rowOff>
    </xdr:from>
    <xdr:to>
      <xdr:col>107</xdr:col>
      <xdr:colOff>50800</xdr:colOff>
      <xdr:row>39</xdr:row>
      <xdr:rowOff>9507</xdr:rowOff>
    </xdr:to>
    <xdr:cxnSp macro="">
      <xdr:nvCxnSpPr>
        <xdr:cNvPr id="770" name="直線コネクタ 769"/>
        <xdr:cNvCxnSpPr/>
      </xdr:nvCxnSpPr>
      <xdr:spPr>
        <a:xfrm>
          <a:off x="19545300" y="6686477"/>
          <a:ext cx="889000" cy="9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29395</xdr:rowOff>
    </xdr:from>
    <xdr:to>
      <xdr:col>107</xdr:col>
      <xdr:colOff>101600</xdr:colOff>
      <xdr:row>37</xdr:row>
      <xdr:rowOff>59545</xdr:rowOff>
    </xdr:to>
    <xdr:sp macro="" textlink="">
      <xdr:nvSpPr>
        <xdr:cNvPr id="771" name="フローチャート: 判断 770"/>
        <xdr:cNvSpPr/>
      </xdr:nvSpPr>
      <xdr:spPr>
        <a:xfrm>
          <a:off x="20383500" y="630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76072</xdr:rowOff>
    </xdr:from>
    <xdr:ext cx="469744" cy="259045"/>
    <xdr:sp macro="" textlink="">
      <xdr:nvSpPr>
        <xdr:cNvPr id="772" name="テキスト ボックス 771"/>
        <xdr:cNvSpPr txBox="1"/>
      </xdr:nvSpPr>
      <xdr:spPr>
        <a:xfrm>
          <a:off x="20199428" y="6076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71377</xdr:rowOff>
    </xdr:from>
    <xdr:to>
      <xdr:col>102</xdr:col>
      <xdr:colOff>114300</xdr:colOff>
      <xdr:row>39</xdr:row>
      <xdr:rowOff>9724</xdr:rowOff>
    </xdr:to>
    <xdr:cxnSp macro="">
      <xdr:nvCxnSpPr>
        <xdr:cNvPr id="773" name="直線コネクタ 772"/>
        <xdr:cNvCxnSpPr/>
      </xdr:nvCxnSpPr>
      <xdr:spPr>
        <a:xfrm flipV="1">
          <a:off x="18656300" y="6686477"/>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69632</xdr:rowOff>
    </xdr:from>
    <xdr:to>
      <xdr:col>102</xdr:col>
      <xdr:colOff>165100</xdr:colOff>
      <xdr:row>36</xdr:row>
      <xdr:rowOff>171232</xdr:rowOff>
    </xdr:to>
    <xdr:sp macro="" textlink="">
      <xdr:nvSpPr>
        <xdr:cNvPr id="774" name="フローチャート: 判断 773"/>
        <xdr:cNvSpPr/>
      </xdr:nvSpPr>
      <xdr:spPr>
        <a:xfrm>
          <a:off x="19494500" y="6241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6309</xdr:rowOff>
    </xdr:from>
    <xdr:ext cx="469744" cy="259045"/>
    <xdr:sp macro="" textlink="">
      <xdr:nvSpPr>
        <xdr:cNvPr id="775" name="テキスト ボックス 774"/>
        <xdr:cNvSpPr txBox="1"/>
      </xdr:nvSpPr>
      <xdr:spPr>
        <a:xfrm>
          <a:off x="19310428" y="6017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17529</xdr:rowOff>
    </xdr:from>
    <xdr:to>
      <xdr:col>98</xdr:col>
      <xdr:colOff>38100</xdr:colOff>
      <xdr:row>36</xdr:row>
      <xdr:rowOff>47679</xdr:rowOff>
    </xdr:to>
    <xdr:sp macro="" textlink="">
      <xdr:nvSpPr>
        <xdr:cNvPr id="776" name="フローチャート: 判断 775"/>
        <xdr:cNvSpPr/>
      </xdr:nvSpPr>
      <xdr:spPr>
        <a:xfrm>
          <a:off x="18605500" y="6118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64206</xdr:rowOff>
    </xdr:from>
    <xdr:ext cx="469744" cy="259045"/>
    <xdr:sp macro="" textlink="">
      <xdr:nvSpPr>
        <xdr:cNvPr id="777" name="テキスト ボックス 776"/>
        <xdr:cNvSpPr txBox="1"/>
      </xdr:nvSpPr>
      <xdr:spPr>
        <a:xfrm>
          <a:off x="18421428" y="5893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8" name="テキスト ボックス 77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9" name="テキスト ボックス 77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0" name="テキスト ボックス 77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1" name="テキスト ボックス 78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2" name="テキスト ボックス 78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8742</xdr:rowOff>
    </xdr:from>
    <xdr:to>
      <xdr:col>116</xdr:col>
      <xdr:colOff>114300</xdr:colOff>
      <xdr:row>39</xdr:row>
      <xdr:rowOff>58892</xdr:rowOff>
    </xdr:to>
    <xdr:sp macro="" textlink="">
      <xdr:nvSpPr>
        <xdr:cNvPr id="783" name="楕円 782"/>
        <xdr:cNvSpPr/>
      </xdr:nvSpPr>
      <xdr:spPr>
        <a:xfrm>
          <a:off x="22110700" y="6643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43669</xdr:rowOff>
    </xdr:from>
    <xdr:ext cx="378565" cy="259045"/>
    <xdr:sp macro="" textlink="">
      <xdr:nvSpPr>
        <xdr:cNvPr id="784" name="諸支出金該当値テキスト"/>
        <xdr:cNvSpPr txBox="1"/>
      </xdr:nvSpPr>
      <xdr:spPr>
        <a:xfrm>
          <a:off x="22212300" y="65587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32769</xdr:rowOff>
    </xdr:from>
    <xdr:to>
      <xdr:col>112</xdr:col>
      <xdr:colOff>38100</xdr:colOff>
      <xdr:row>39</xdr:row>
      <xdr:rowOff>62919</xdr:rowOff>
    </xdr:to>
    <xdr:sp macro="" textlink="">
      <xdr:nvSpPr>
        <xdr:cNvPr id="785" name="楕円 784"/>
        <xdr:cNvSpPr/>
      </xdr:nvSpPr>
      <xdr:spPr>
        <a:xfrm>
          <a:off x="21272500" y="6647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54046</xdr:rowOff>
    </xdr:from>
    <xdr:ext cx="378565" cy="259045"/>
    <xdr:sp macro="" textlink="">
      <xdr:nvSpPr>
        <xdr:cNvPr id="786" name="テキスト ボックス 785"/>
        <xdr:cNvSpPr txBox="1"/>
      </xdr:nvSpPr>
      <xdr:spPr>
        <a:xfrm>
          <a:off x="21134017" y="67405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30157</xdr:rowOff>
    </xdr:from>
    <xdr:to>
      <xdr:col>107</xdr:col>
      <xdr:colOff>101600</xdr:colOff>
      <xdr:row>39</xdr:row>
      <xdr:rowOff>60307</xdr:rowOff>
    </xdr:to>
    <xdr:sp macro="" textlink="">
      <xdr:nvSpPr>
        <xdr:cNvPr id="787" name="楕円 786"/>
        <xdr:cNvSpPr/>
      </xdr:nvSpPr>
      <xdr:spPr>
        <a:xfrm>
          <a:off x="20383500" y="664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9</xdr:row>
      <xdr:rowOff>51434</xdr:rowOff>
    </xdr:from>
    <xdr:ext cx="378565" cy="259045"/>
    <xdr:sp macro="" textlink="">
      <xdr:nvSpPr>
        <xdr:cNvPr id="788" name="テキスト ボックス 787"/>
        <xdr:cNvSpPr txBox="1"/>
      </xdr:nvSpPr>
      <xdr:spPr>
        <a:xfrm>
          <a:off x="20245017" y="67379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20577</xdr:rowOff>
    </xdr:from>
    <xdr:to>
      <xdr:col>102</xdr:col>
      <xdr:colOff>165100</xdr:colOff>
      <xdr:row>39</xdr:row>
      <xdr:rowOff>50727</xdr:rowOff>
    </xdr:to>
    <xdr:sp macro="" textlink="">
      <xdr:nvSpPr>
        <xdr:cNvPr id="789" name="楕円 788"/>
        <xdr:cNvSpPr/>
      </xdr:nvSpPr>
      <xdr:spPr>
        <a:xfrm>
          <a:off x="19494500" y="6635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9</xdr:row>
      <xdr:rowOff>41854</xdr:rowOff>
    </xdr:from>
    <xdr:ext cx="378565" cy="259045"/>
    <xdr:sp macro="" textlink="">
      <xdr:nvSpPr>
        <xdr:cNvPr id="790" name="テキスト ボックス 789"/>
        <xdr:cNvSpPr txBox="1"/>
      </xdr:nvSpPr>
      <xdr:spPr>
        <a:xfrm>
          <a:off x="19356017" y="67284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30374</xdr:rowOff>
    </xdr:from>
    <xdr:to>
      <xdr:col>98</xdr:col>
      <xdr:colOff>38100</xdr:colOff>
      <xdr:row>39</xdr:row>
      <xdr:rowOff>60524</xdr:rowOff>
    </xdr:to>
    <xdr:sp macro="" textlink="">
      <xdr:nvSpPr>
        <xdr:cNvPr id="791" name="楕円 790"/>
        <xdr:cNvSpPr/>
      </xdr:nvSpPr>
      <xdr:spPr>
        <a:xfrm>
          <a:off x="18605500" y="6645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9</xdr:row>
      <xdr:rowOff>51651</xdr:rowOff>
    </xdr:from>
    <xdr:ext cx="378565" cy="259045"/>
    <xdr:sp macro="" textlink="">
      <xdr:nvSpPr>
        <xdr:cNvPr id="792" name="テキスト ボックス 791"/>
        <xdr:cNvSpPr txBox="1"/>
      </xdr:nvSpPr>
      <xdr:spPr>
        <a:xfrm>
          <a:off x="18467017" y="67382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3" name="正方形/長方形 79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4" name="正方形/長方形 79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5" name="正方形/長方形 79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6" name="正方形/長方形 79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7" name="正方形/長方形 79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8" name="正方形/長方形 79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9" name="正方形/長方形 79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0" name="正方形/長方形 79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1" name="テキスト ボックス 80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2" name="直線コネクタ 80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3" name="直線コネクタ 80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4" name="テキスト ボックス 803"/>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5" name="直線コネクタ 80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6" name="テキスト ボックス 805"/>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7"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8" name="直線コネクタ 807"/>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9"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0" name="直線コネクタ 809"/>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1"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2" name="直線コネクタ 81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3" name="直線コネクタ 812"/>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4"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フローチャート: 判断 814"/>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6" name="直線コネクタ 815"/>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7" name="フローチャート: 判断 816"/>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8" name="テキスト ボックス 817"/>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9" name="直線コネクタ 818"/>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0" name="フローチャート: 判断 819"/>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1" name="テキスト ボックス 820"/>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2" name="直線コネクタ 821"/>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3" name="フローチャート: 判断 822"/>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4" name="テキスト ボックス 823"/>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フローチャート: 判断 824"/>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6" name="テキスト ボックス 825"/>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7" name="テキスト ボックス 82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8" name="テキスト ボックス 82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9" name="テキスト ボックス 82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0" name="テキスト ボックス 82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1" name="テキスト ボックス 83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2" name="楕円 831"/>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3"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4" name="楕円 833"/>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5" name="テキスト ボックス 834"/>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6" name="楕円 835"/>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7" name="テキスト ボックス 836"/>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8" name="楕円 837"/>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9" name="テキスト ボックス 838"/>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0" name="楕円 839"/>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1" name="テキスト ボックス 840"/>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2" name="正方形/長方形 84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3" name="正方形/長方形 84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4" name="テキスト ボックス 84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主な構成項目である民生費及び土木費、教育費について分析すると、まず民生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6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となっており、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以降、保育所の待機児童対策などの子育て支援施策の強化や障害福祉サービスの利用者及び生活保護受給者の増等により上昇傾向にある</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次に土木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6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となっており、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等々力陸上競技場メインスタンド改築工事の終了及び京浜急行大師線連続立体交差事業費の減等により減少、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京浜急行大師線連続立体交差事業費や登戸土地区画整備事業費の増等により増加、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旧中原図書館転出補償金の皆減に伴う都市整備事業基金積立金の減等により減少し、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羽田連絡道路整備事業費の増等により増加し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次に教育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7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となっており、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中高一貫教育校整備事業費の増等により増加、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中学校給食推進事業費の増等により増加、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学校施設長期保全計画推進事業の増等により増加、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県費負担教職員の市費移管の影響により増加し、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スポーツ・文化総合センターの取得完了により減少し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実質単年度収支は平成</a:t>
          </a:r>
          <a:r>
            <a:rPr kumimoji="1" lang="en-US" altLang="ja-JP" sz="1400">
              <a:latin typeface="ＭＳ ゴシック" pitchFamily="49" charset="-128"/>
              <a:ea typeface="ＭＳ ゴシック" pitchFamily="49" charset="-128"/>
            </a:rPr>
            <a:t>25</a:t>
          </a:r>
          <a:r>
            <a:rPr kumimoji="1" lang="ja-JP" altLang="en-US" sz="1400">
              <a:latin typeface="ＭＳ ゴシック" pitchFamily="49" charset="-128"/>
              <a:ea typeface="ＭＳ ゴシック" pitchFamily="49" charset="-128"/>
            </a:rPr>
            <a:t>年度はマイナスであったが、平成</a:t>
          </a:r>
          <a:r>
            <a:rPr kumimoji="1" lang="en-US" altLang="ja-JP" sz="1400">
              <a:latin typeface="ＭＳ ゴシック" pitchFamily="49" charset="-128"/>
              <a:ea typeface="ＭＳ ゴシック" pitchFamily="49" charset="-128"/>
            </a:rPr>
            <a:t>26</a:t>
          </a:r>
          <a:r>
            <a:rPr kumimoji="1" lang="ja-JP" altLang="en-US" sz="1400">
              <a:latin typeface="ＭＳ ゴシック" pitchFamily="49" charset="-128"/>
              <a:ea typeface="ＭＳ ゴシック" pitchFamily="49" charset="-128"/>
            </a:rPr>
            <a:t>年度以降は非常に小さいもののプラスに転じている。財政調整基金については、補正予算の財源として活用している。平成</a:t>
          </a:r>
          <a:r>
            <a:rPr kumimoji="1" lang="en-US" altLang="ja-JP" sz="1400">
              <a:latin typeface="ＭＳ ゴシック" pitchFamily="49" charset="-128"/>
              <a:ea typeface="ＭＳ ゴシック" pitchFamily="49" charset="-128"/>
            </a:rPr>
            <a:t>26</a:t>
          </a:r>
          <a:r>
            <a:rPr kumimoji="1" lang="ja-JP" altLang="en-US" sz="1400">
              <a:latin typeface="ＭＳ ゴシック" pitchFamily="49" charset="-128"/>
              <a:ea typeface="ＭＳ ゴシック" pitchFamily="49" charset="-128"/>
            </a:rPr>
            <a:t>年度～</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は市税の増収や執行段階の精査による予算執行の抑制などにより最終的には取崩しを回避したため、剰余金処分等の積立てにより残高が増加し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平成</a:t>
          </a:r>
          <a:r>
            <a:rPr kumimoji="1" lang="en-US" altLang="ja-JP" sz="1400">
              <a:solidFill>
                <a:sysClr val="windowText" lastClr="000000"/>
              </a:solidFill>
              <a:latin typeface="ＭＳ ゴシック" pitchFamily="49" charset="-128"/>
              <a:ea typeface="ＭＳ ゴシック" pitchFamily="49" charset="-128"/>
            </a:rPr>
            <a:t>27</a:t>
          </a:r>
          <a:r>
            <a:rPr kumimoji="1" lang="ja-JP" altLang="en-US" sz="1400">
              <a:solidFill>
                <a:sysClr val="windowText" lastClr="000000"/>
              </a:solidFill>
              <a:latin typeface="ＭＳ ゴシック" pitchFamily="49" charset="-128"/>
              <a:ea typeface="ＭＳ ゴシック" pitchFamily="49" charset="-128"/>
            </a:rPr>
            <a:t>年度については、一般会計の実質収支が増加したものの、公営企業会計（主に水道事業会計）の剰余額が減少したことにより、前年度より黒字額が減少した。また、自動車運送事業会計おいては、軽油価額の減等により黒字化した。</a:t>
          </a:r>
        </a:p>
        <a:p>
          <a:r>
            <a:rPr kumimoji="1" lang="ja-JP" altLang="en-US" sz="1400">
              <a:solidFill>
                <a:sysClr val="windowText" lastClr="000000"/>
              </a:solidFill>
              <a:latin typeface="ＭＳ ゴシック" pitchFamily="49" charset="-128"/>
              <a:ea typeface="ＭＳ ゴシック" pitchFamily="49" charset="-128"/>
            </a:rPr>
            <a:t>平成</a:t>
          </a:r>
          <a:r>
            <a:rPr kumimoji="1" lang="en-US" altLang="ja-JP" sz="1400">
              <a:solidFill>
                <a:sysClr val="windowText" lastClr="000000"/>
              </a:solidFill>
              <a:latin typeface="ＭＳ ゴシック" pitchFamily="49" charset="-128"/>
              <a:ea typeface="ＭＳ ゴシック" pitchFamily="49" charset="-128"/>
            </a:rPr>
            <a:t>28</a:t>
          </a:r>
          <a:r>
            <a:rPr kumimoji="1" lang="ja-JP" altLang="en-US" sz="1400">
              <a:solidFill>
                <a:sysClr val="windowText" lastClr="000000"/>
              </a:solidFill>
              <a:latin typeface="ＭＳ ゴシック" pitchFamily="49" charset="-128"/>
              <a:ea typeface="ＭＳ ゴシック" pitchFamily="49" charset="-128"/>
            </a:rPr>
            <a:t>年度については、一般会計の実質収支は横ばいであるが、公営企業会計（主に水道事業・下水道事業会計）の剰余額が増加したことにより、前年度より黒字額が増加した。</a:t>
          </a:r>
        </a:p>
        <a:p>
          <a:r>
            <a:rPr kumimoji="1" lang="ja-JP" altLang="en-US" sz="1400">
              <a:solidFill>
                <a:sysClr val="windowText" lastClr="000000"/>
              </a:solidFill>
              <a:latin typeface="ＭＳ ゴシック" pitchFamily="49" charset="-128"/>
              <a:ea typeface="ＭＳ ゴシック" pitchFamily="49" charset="-128"/>
            </a:rPr>
            <a:t>平成</a:t>
          </a:r>
          <a:r>
            <a:rPr kumimoji="1" lang="en-US" altLang="ja-JP" sz="1400">
              <a:solidFill>
                <a:sysClr val="windowText" lastClr="000000"/>
              </a:solidFill>
              <a:latin typeface="ＭＳ ゴシック" pitchFamily="49" charset="-128"/>
              <a:ea typeface="ＭＳ ゴシック" pitchFamily="49" charset="-128"/>
            </a:rPr>
            <a:t>29</a:t>
          </a:r>
          <a:r>
            <a:rPr kumimoji="1" lang="ja-JP" altLang="en-US" sz="1400">
              <a:solidFill>
                <a:sysClr val="windowText" lastClr="000000"/>
              </a:solidFill>
              <a:latin typeface="ＭＳ ゴシック" pitchFamily="49" charset="-128"/>
              <a:ea typeface="ＭＳ ゴシック" pitchFamily="49" charset="-128"/>
            </a:rPr>
            <a:t>年度については、一般会計の実質収支は横ばいであるが、介護保険会計・病院会計の実質収支・資金収支が減少したことにより、前年度より黒字額が減額した。</a:t>
          </a:r>
          <a:endParaRPr kumimoji="1" lang="en-US" altLang="ja-JP" sz="1400">
            <a:solidFill>
              <a:sysClr val="windowText" lastClr="000000"/>
            </a:solidFill>
            <a:latin typeface="ＭＳ ゴシック" pitchFamily="49" charset="-128"/>
            <a:ea typeface="ＭＳ ゴシック" pitchFamily="49" charset="-128"/>
          </a:endParaRPr>
        </a:p>
        <a:p>
          <a:r>
            <a:rPr kumimoji="1" lang="ja-JP" altLang="en-US" sz="1400">
              <a:solidFill>
                <a:sysClr val="windowText" lastClr="000000"/>
              </a:solidFill>
              <a:latin typeface="ＭＳ ゴシック" pitchFamily="49" charset="-128"/>
              <a:ea typeface="ＭＳ ゴシック" pitchFamily="49" charset="-128"/>
            </a:rPr>
            <a:t>平成</a:t>
          </a:r>
          <a:r>
            <a:rPr kumimoji="1" lang="en-US" altLang="ja-JP" sz="1400">
              <a:solidFill>
                <a:sysClr val="windowText" lastClr="000000"/>
              </a:solidFill>
              <a:latin typeface="ＭＳ ゴシック" pitchFamily="49" charset="-128"/>
              <a:ea typeface="ＭＳ ゴシック" pitchFamily="49" charset="-128"/>
            </a:rPr>
            <a:t>30</a:t>
          </a:r>
          <a:r>
            <a:rPr kumimoji="1" lang="ja-JP" altLang="en-US" sz="1400">
              <a:solidFill>
                <a:sysClr val="windowText" lastClr="000000"/>
              </a:solidFill>
              <a:latin typeface="ＭＳ ゴシック" pitchFamily="49" charset="-128"/>
              <a:ea typeface="ＭＳ ゴシック" pitchFamily="49" charset="-128"/>
            </a:rPr>
            <a:t>年度については、一般会計の実質収支は横ばいであるが、公営企業会計（主に水道事業・下水道事業会計）の剰余額が増加したことにより、前年度より黒字額が増加し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715393440</v>
      </c>
      <c r="BO4" s="461"/>
      <c r="BP4" s="461"/>
      <c r="BQ4" s="461"/>
      <c r="BR4" s="461"/>
      <c r="BS4" s="461"/>
      <c r="BT4" s="461"/>
      <c r="BU4" s="462"/>
      <c r="BV4" s="460">
        <v>700798709</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0.2</v>
      </c>
      <c r="CU4" s="642"/>
      <c r="CV4" s="642"/>
      <c r="CW4" s="642"/>
      <c r="CX4" s="642"/>
      <c r="CY4" s="642"/>
      <c r="CZ4" s="642"/>
      <c r="DA4" s="643"/>
      <c r="DB4" s="641">
        <v>0.2</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712401058</v>
      </c>
      <c r="BO5" s="466"/>
      <c r="BP5" s="466"/>
      <c r="BQ5" s="466"/>
      <c r="BR5" s="466"/>
      <c r="BS5" s="466"/>
      <c r="BT5" s="466"/>
      <c r="BU5" s="467"/>
      <c r="BV5" s="465">
        <v>697012352</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9.8</v>
      </c>
      <c r="CU5" s="436"/>
      <c r="CV5" s="436"/>
      <c r="CW5" s="436"/>
      <c r="CX5" s="436"/>
      <c r="CY5" s="436"/>
      <c r="CZ5" s="436"/>
      <c r="DA5" s="437"/>
      <c r="DB5" s="435">
        <v>100.5</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102</v>
      </c>
      <c r="AV6" s="523"/>
      <c r="AW6" s="523"/>
      <c r="AX6" s="523"/>
      <c r="AY6" s="445" t="s">
        <v>103</v>
      </c>
      <c r="AZ6" s="446"/>
      <c r="BA6" s="446"/>
      <c r="BB6" s="446"/>
      <c r="BC6" s="446"/>
      <c r="BD6" s="446"/>
      <c r="BE6" s="446"/>
      <c r="BF6" s="446"/>
      <c r="BG6" s="446"/>
      <c r="BH6" s="446"/>
      <c r="BI6" s="446"/>
      <c r="BJ6" s="446"/>
      <c r="BK6" s="446"/>
      <c r="BL6" s="446"/>
      <c r="BM6" s="447"/>
      <c r="BN6" s="465">
        <v>2992382</v>
      </c>
      <c r="BO6" s="466"/>
      <c r="BP6" s="466"/>
      <c r="BQ6" s="466"/>
      <c r="BR6" s="466"/>
      <c r="BS6" s="466"/>
      <c r="BT6" s="466"/>
      <c r="BU6" s="467"/>
      <c r="BV6" s="465">
        <v>3786357</v>
      </c>
      <c r="BW6" s="466"/>
      <c r="BX6" s="466"/>
      <c r="BY6" s="466"/>
      <c r="BZ6" s="466"/>
      <c r="CA6" s="466"/>
      <c r="CB6" s="466"/>
      <c r="CC6" s="467"/>
      <c r="CD6" s="474" t="s">
        <v>104</v>
      </c>
      <c r="CE6" s="475"/>
      <c r="CF6" s="475"/>
      <c r="CG6" s="475"/>
      <c r="CH6" s="475"/>
      <c r="CI6" s="475"/>
      <c r="CJ6" s="475"/>
      <c r="CK6" s="475"/>
      <c r="CL6" s="475"/>
      <c r="CM6" s="475"/>
      <c r="CN6" s="475"/>
      <c r="CO6" s="475"/>
      <c r="CP6" s="475"/>
      <c r="CQ6" s="475"/>
      <c r="CR6" s="475"/>
      <c r="CS6" s="476"/>
      <c r="CT6" s="615">
        <v>99.8</v>
      </c>
      <c r="CU6" s="616"/>
      <c r="CV6" s="616"/>
      <c r="CW6" s="616"/>
      <c r="CX6" s="616"/>
      <c r="CY6" s="616"/>
      <c r="CZ6" s="616"/>
      <c r="DA6" s="617"/>
      <c r="DB6" s="615">
        <v>100.5</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5</v>
      </c>
      <c r="AN7" s="439"/>
      <c r="AO7" s="439"/>
      <c r="AP7" s="439"/>
      <c r="AQ7" s="439"/>
      <c r="AR7" s="439"/>
      <c r="AS7" s="439"/>
      <c r="AT7" s="440"/>
      <c r="AU7" s="522" t="s">
        <v>106</v>
      </c>
      <c r="AV7" s="523"/>
      <c r="AW7" s="523"/>
      <c r="AX7" s="523"/>
      <c r="AY7" s="445" t="s">
        <v>107</v>
      </c>
      <c r="AZ7" s="446"/>
      <c r="BA7" s="446"/>
      <c r="BB7" s="446"/>
      <c r="BC7" s="446"/>
      <c r="BD7" s="446"/>
      <c r="BE7" s="446"/>
      <c r="BF7" s="446"/>
      <c r="BG7" s="446"/>
      <c r="BH7" s="446"/>
      <c r="BI7" s="446"/>
      <c r="BJ7" s="446"/>
      <c r="BK7" s="446"/>
      <c r="BL7" s="446"/>
      <c r="BM7" s="447"/>
      <c r="BN7" s="465">
        <v>2363318</v>
      </c>
      <c r="BO7" s="466"/>
      <c r="BP7" s="466"/>
      <c r="BQ7" s="466"/>
      <c r="BR7" s="466"/>
      <c r="BS7" s="466"/>
      <c r="BT7" s="466"/>
      <c r="BU7" s="467"/>
      <c r="BV7" s="465">
        <v>3069716</v>
      </c>
      <c r="BW7" s="466"/>
      <c r="BX7" s="466"/>
      <c r="BY7" s="466"/>
      <c r="BZ7" s="466"/>
      <c r="CA7" s="466"/>
      <c r="CB7" s="466"/>
      <c r="CC7" s="467"/>
      <c r="CD7" s="474" t="s">
        <v>108</v>
      </c>
      <c r="CE7" s="475"/>
      <c r="CF7" s="475"/>
      <c r="CG7" s="475"/>
      <c r="CH7" s="475"/>
      <c r="CI7" s="475"/>
      <c r="CJ7" s="475"/>
      <c r="CK7" s="475"/>
      <c r="CL7" s="475"/>
      <c r="CM7" s="475"/>
      <c r="CN7" s="475"/>
      <c r="CO7" s="475"/>
      <c r="CP7" s="475"/>
      <c r="CQ7" s="475"/>
      <c r="CR7" s="475"/>
      <c r="CS7" s="476"/>
      <c r="CT7" s="465">
        <v>368483160</v>
      </c>
      <c r="CU7" s="466"/>
      <c r="CV7" s="466"/>
      <c r="CW7" s="466"/>
      <c r="CX7" s="466"/>
      <c r="CY7" s="466"/>
      <c r="CZ7" s="466"/>
      <c r="DA7" s="467"/>
      <c r="DB7" s="465">
        <v>360255112</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9</v>
      </c>
      <c r="AN8" s="439"/>
      <c r="AO8" s="439"/>
      <c r="AP8" s="439"/>
      <c r="AQ8" s="439"/>
      <c r="AR8" s="439"/>
      <c r="AS8" s="439"/>
      <c r="AT8" s="440"/>
      <c r="AU8" s="522" t="s">
        <v>110</v>
      </c>
      <c r="AV8" s="523"/>
      <c r="AW8" s="523"/>
      <c r="AX8" s="523"/>
      <c r="AY8" s="445" t="s">
        <v>111</v>
      </c>
      <c r="AZ8" s="446"/>
      <c r="BA8" s="446"/>
      <c r="BB8" s="446"/>
      <c r="BC8" s="446"/>
      <c r="BD8" s="446"/>
      <c r="BE8" s="446"/>
      <c r="BF8" s="446"/>
      <c r="BG8" s="446"/>
      <c r="BH8" s="446"/>
      <c r="BI8" s="446"/>
      <c r="BJ8" s="446"/>
      <c r="BK8" s="446"/>
      <c r="BL8" s="446"/>
      <c r="BM8" s="447"/>
      <c r="BN8" s="465">
        <v>629064</v>
      </c>
      <c r="BO8" s="466"/>
      <c r="BP8" s="466"/>
      <c r="BQ8" s="466"/>
      <c r="BR8" s="466"/>
      <c r="BS8" s="466"/>
      <c r="BT8" s="466"/>
      <c r="BU8" s="467"/>
      <c r="BV8" s="465">
        <v>716641</v>
      </c>
      <c r="BW8" s="466"/>
      <c r="BX8" s="466"/>
      <c r="BY8" s="466"/>
      <c r="BZ8" s="466"/>
      <c r="CA8" s="466"/>
      <c r="CB8" s="466"/>
      <c r="CC8" s="467"/>
      <c r="CD8" s="474" t="s">
        <v>112</v>
      </c>
      <c r="CE8" s="475"/>
      <c r="CF8" s="475"/>
      <c r="CG8" s="475"/>
      <c r="CH8" s="475"/>
      <c r="CI8" s="475"/>
      <c r="CJ8" s="475"/>
      <c r="CK8" s="475"/>
      <c r="CL8" s="475"/>
      <c r="CM8" s="475"/>
      <c r="CN8" s="475"/>
      <c r="CO8" s="475"/>
      <c r="CP8" s="475"/>
      <c r="CQ8" s="475"/>
      <c r="CR8" s="475"/>
      <c r="CS8" s="476"/>
      <c r="CT8" s="578">
        <v>1.01</v>
      </c>
      <c r="CU8" s="579"/>
      <c r="CV8" s="579"/>
      <c r="CW8" s="579"/>
      <c r="CX8" s="579"/>
      <c r="CY8" s="579"/>
      <c r="CZ8" s="579"/>
      <c r="DA8" s="580"/>
      <c r="DB8" s="578">
        <v>1</v>
      </c>
      <c r="DC8" s="579"/>
      <c r="DD8" s="579"/>
      <c r="DE8" s="579"/>
      <c r="DF8" s="579"/>
      <c r="DG8" s="579"/>
      <c r="DH8" s="579"/>
      <c r="DI8" s="580"/>
      <c r="DJ8" s="185"/>
      <c r="DK8" s="185"/>
      <c r="DL8" s="185"/>
      <c r="DM8" s="185"/>
      <c r="DN8" s="185"/>
      <c r="DO8" s="185"/>
    </row>
    <row r="9" spans="1:119" ht="18.75" customHeight="1" thickBot="1" x14ac:dyDescent="0.25">
      <c r="A9" s="186"/>
      <c r="B9" s="604" t="s">
        <v>113</v>
      </c>
      <c r="C9" s="605"/>
      <c r="D9" s="605"/>
      <c r="E9" s="605"/>
      <c r="F9" s="605"/>
      <c r="G9" s="605"/>
      <c r="H9" s="605"/>
      <c r="I9" s="605"/>
      <c r="J9" s="605"/>
      <c r="K9" s="528"/>
      <c r="L9" s="606" t="s">
        <v>114</v>
      </c>
      <c r="M9" s="607"/>
      <c r="N9" s="607"/>
      <c r="O9" s="607"/>
      <c r="P9" s="607"/>
      <c r="Q9" s="608"/>
      <c r="R9" s="609">
        <v>1475213</v>
      </c>
      <c r="S9" s="610"/>
      <c r="T9" s="610"/>
      <c r="U9" s="610"/>
      <c r="V9" s="611"/>
      <c r="W9" s="544" t="s">
        <v>115</v>
      </c>
      <c r="X9" s="545"/>
      <c r="Y9" s="545"/>
      <c r="Z9" s="545"/>
      <c r="AA9" s="545"/>
      <c r="AB9" s="545"/>
      <c r="AC9" s="545"/>
      <c r="AD9" s="545"/>
      <c r="AE9" s="545"/>
      <c r="AF9" s="545"/>
      <c r="AG9" s="545"/>
      <c r="AH9" s="545"/>
      <c r="AI9" s="545"/>
      <c r="AJ9" s="545"/>
      <c r="AK9" s="545"/>
      <c r="AL9" s="612"/>
      <c r="AM9" s="534" t="s">
        <v>116</v>
      </c>
      <c r="AN9" s="439"/>
      <c r="AO9" s="439"/>
      <c r="AP9" s="439"/>
      <c r="AQ9" s="439"/>
      <c r="AR9" s="439"/>
      <c r="AS9" s="439"/>
      <c r="AT9" s="440"/>
      <c r="AU9" s="522" t="s">
        <v>110</v>
      </c>
      <c r="AV9" s="523"/>
      <c r="AW9" s="523"/>
      <c r="AX9" s="523"/>
      <c r="AY9" s="445" t="s">
        <v>117</v>
      </c>
      <c r="AZ9" s="446"/>
      <c r="BA9" s="446"/>
      <c r="BB9" s="446"/>
      <c r="BC9" s="446"/>
      <c r="BD9" s="446"/>
      <c r="BE9" s="446"/>
      <c r="BF9" s="446"/>
      <c r="BG9" s="446"/>
      <c r="BH9" s="446"/>
      <c r="BI9" s="446"/>
      <c r="BJ9" s="446"/>
      <c r="BK9" s="446"/>
      <c r="BL9" s="446"/>
      <c r="BM9" s="447"/>
      <c r="BN9" s="465">
        <v>-87577</v>
      </c>
      <c r="BO9" s="466"/>
      <c r="BP9" s="466"/>
      <c r="BQ9" s="466"/>
      <c r="BR9" s="466"/>
      <c r="BS9" s="466"/>
      <c r="BT9" s="466"/>
      <c r="BU9" s="467"/>
      <c r="BV9" s="465">
        <v>139242</v>
      </c>
      <c r="BW9" s="466"/>
      <c r="BX9" s="466"/>
      <c r="BY9" s="466"/>
      <c r="BZ9" s="466"/>
      <c r="CA9" s="466"/>
      <c r="CB9" s="466"/>
      <c r="CC9" s="467"/>
      <c r="CD9" s="474" t="s">
        <v>118</v>
      </c>
      <c r="CE9" s="475"/>
      <c r="CF9" s="475"/>
      <c r="CG9" s="475"/>
      <c r="CH9" s="475"/>
      <c r="CI9" s="475"/>
      <c r="CJ9" s="475"/>
      <c r="CK9" s="475"/>
      <c r="CL9" s="475"/>
      <c r="CM9" s="475"/>
      <c r="CN9" s="475"/>
      <c r="CO9" s="475"/>
      <c r="CP9" s="475"/>
      <c r="CQ9" s="475"/>
      <c r="CR9" s="475"/>
      <c r="CS9" s="476"/>
      <c r="CT9" s="435">
        <v>15.3</v>
      </c>
      <c r="CU9" s="436"/>
      <c r="CV9" s="436"/>
      <c r="CW9" s="436"/>
      <c r="CX9" s="436"/>
      <c r="CY9" s="436"/>
      <c r="CZ9" s="436"/>
      <c r="DA9" s="437"/>
      <c r="DB9" s="435">
        <v>15.8</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9</v>
      </c>
      <c r="M10" s="439"/>
      <c r="N10" s="439"/>
      <c r="O10" s="439"/>
      <c r="P10" s="439"/>
      <c r="Q10" s="440"/>
      <c r="R10" s="441">
        <v>1425512</v>
      </c>
      <c r="S10" s="442"/>
      <c r="T10" s="442"/>
      <c r="U10" s="442"/>
      <c r="V10" s="444"/>
      <c r="W10" s="613"/>
      <c r="X10" s="427"/>
      <c r="Y10" s="427"/>
      <c r="Z10" s="427"/>
      <c r="AA10" s="427"/>
      <c r="AB10" s="427"/>
      <c r="AC10" s="427"/>
      <c r="AD10" s="427"/>
      <c r="AE10" s="427"/>
      <c r="AF10" s="427"/>
      <c r="AG10" s="427"/>
      <c r="AH10" s="427"/>
      <c r="AI10" s="427"/>
      <c r="AJ10" s="427"/>
      <c r="AK10" s="427"/>
      <c r="AL10" s="614"/>
      <c r="AM10" s="534" t="s">
        <v>120</v>
      </c>
      <c r="AN10" s="439"/>
      <c r="AO10" s="439"/>
      <c r="AP10" s="439"/>
      <c r="AQ10" s="439"/>
      <c r="AR10" s="439"/>
      <c r="AS10" s="439"/>
      <c r="AT10" s="440"/>
      <c r="AU10" s="522" t="s">
        <v>121</v>
      </c>
      <c r="AV10" s="523"/>
      <c r="AW10" s="523"/>
      <c r="AX10" s="523"/>
      <c r="AY10" s="445" t="s">
        <v>122</v>
      </c>
      <c r="AZ10" s="446"/>
      <c r="BA10" s="446"/>
      <c r="BB10" s="446"/>
      <c r="BC10" s="446"/>
      <c r="BD10" s="446"/>
      <c r="BE10" s="446"/>
      <c r="BF10" s="446"/>
      <c r="BG10" s="446"/>
      <c r="BH10" s="446"/>
      <c r="BI10" s="446"/>
      <c r="BJ10" s="446"/>
      <c r="BK10" s="446"/>
      <c r="BL10" s="446"/>
      <c r="BM10" s="447"/>
      <c r="BN10" s="465">
        <v>387002</v>
      </c>
      <c r="BO10" s="466"/>
      <c r="BP10" s="466"/>
      <c r="BQ10" s="466"/>
      <c r="BR10" s="466"/>
      <c r="BS10" s="466"/>
      <c r="BT10" s="466"/>
      <c r="BU10" s="467"/>
      <c r="BV10" s="465">
        <v>126189</v>
      </c>
      <c r="BW10" s="466"/>
      <c r="BX10" s="466"/>
      <c r="BY10" s="466"/>
      <c r="BZ10" s="466"/>
      <c r="CA10" s="466"/>
      <c r="CB10" s="466"/>
      <c r="CC10" s="467"/>
      <c r="CD10" s="190" t="s">
        <v>123</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4</v>
      </c>
      <c r="M11" s="512"/>
      <c r="N11" s="512"/>
      <c r="O11" s="512"/>
      <c r="P11" s="512"/>
      <c r="Q11" s="513"/>
      <c r="R11" s="601" t="s">
        <v>125</v>
      </c>
      <c r="S11" s="602"/>
      <c r="T11" s="602"/>
      <c r="U11" s="602"/>
      <c r="V11" s="603"/>
      <c r="W11" s="613"/>
      <c r="X11" s="427"/>
      <c r="Y11" s="427"/>
      <c r="Z11" s="427"/>
      <c r="AA11" s="427"/>
      <c r="AB11" s="427"/>
      <c r="AC11" s="427"/>
      <c r="AD11" s="427"/>
      <c r="AE11" s="427"/>
      <c r="AF11" s="427"/>
      <c r="AG11" s="427"/>
      <c r="AH11" s="427"/>
      <c r="AI11" s="427"/>
      <c r="AJ11" s="427"/>
      <c r="AK11" s="427"/>
      <c r="AL11" s="614"/>
      <c r="AM11" s="534" t="s">
        <v>126</v>
      </c>
      <c r="AN11" s="439"/>
      <c r="AO11" s="439"/>
      <c r="AP11" s="439"/>
      <c r="AQ11" s="439"/>
      <c r="AR11" s="439"/>
      <c r="AS11" s="439"/>
      <c r="AT11" s="440"/>
      <c r="AU11" s="522" t="s">
        <v>121</v>
      </c>
      <c r="AV11" s="523"/>
      <c r="AW11" s="523"/>
      <c r="AX11" s="523"/>
      <c r="AY11" s="445" t="s">
        <v>127</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8</v>
      </c>
      <c r="CE11" s="475"/>
      <c r="CF11" s="475"/>
      <c r="CG11" s="475"/>
      <c r="CH11" s="475"/>
      <c r="CI11" s="475"/>
      <c r="CJ11" s="475"/>
      <c r="CK11" s="475"/>
      <c r="CL11" s="475"/>
      <c r="CM11" s="475"/>
      <c r="CN11" s="475"/>
      <c r="CO11" s="475"/>
      <c r="CP11" s="475"/>
      <c r="CQ11" s="475"/>
      <c r="CR11" s="475"/>
      <c r="CS11" s="476"/>
      <c r="CT11" s="578" t="s">
        <v>129</v>
      </c>
      <c r="CU11" s="579"/>
      <c r="CV11" s="579"/>
      <c r="CW11" s="579"/>
      <c r="CX11" s="579"/>
      <c r="CY11" s="579"/>
      <c r="CZ11" s="579"/>
      <c r="DA11" s="580"/>
      <c r="DB11" s="578" t="s">
        <v>130</v>
      </c>
      <c r="DC11" s="579"/>
      <c r="DD11" s="579"/>
      <c r="DE11" s="579"/>
      <c r="DF11" s="579"/>
      <c r="DG11" s="579"/>
      <c r="DH11" s="579"/>
      <c r="DI11" s="580"/>
      <c r="DJ11" s="185"/>
      <c r="DK11" s="185"/>
      <c r="DL11" s="185"/>
      <c r="DM11" s="185"/>
      <c r="DN11" s="185"/>
      <c r="DO11" s="185"/>
    </row>
    <row r="12" spans="1:119" ht="18.75" customHeight="1" x14ac:dyDescent="0.2">
      <c r="A12" s="186"/>
      <c r="B12" s="581" t="s">
        <v>131</v>
      </c>
      <c r="C12" s="582"/>
      <c r="D12" s="582"/>
      <c r="E12" s="582"/>
      <c r="F12" s="582"/>
      <c r="G12" s="582"/>
      <c r="H12" s="582"/>
      <c r="I12" s="582"/>
      <c r="J12" s="582"/>
      <c r="K12" s="583"/>
      <c r="L12" s="590" t="s">
        <v>132</v>
      </c>
      <c r="M12" s="591"/>
      <c r="N12" s="591"/>
      <c r="O12" s="591"/>
      <c r="P12" s="591"/>
      <c r="Q12" s="592"/>
      <c r="R12" s="593">
        <v>1500460</v>
      </c>
      <c r="S12" s="594"/>
      <c r="T12" s="594"/>
      <c r="U12" s="594"/>
      <c r="V12" s="595"/>
      <c r="W12" s="596" t="s">
        <v>1</v>
      </c>
      <c r="X12" s="523"/>
      <c r="Y12" s="523"/>
      <c r="Z12" s="523"/>
      <c r="AA12" s="523"/>
      <c r="AB12" s="597"/>
      <c r="AC12" s="522" t="s">
        <v>133</v>
      </c>
      <c r="AD12" s="523"/>
      <c r="AE12" s="523"/>
      <c r="AF12" s="523"/>
      <c r="AG12" s="597"/>
      <c r="AH12" s="522" t="s">
        <v>134</v>
      </c>
      <c r="AI12" s="523"/>
      <c r="AJ12" s="523"/>
      <c r="AK12" s="523"/>
      <c r="AL12" s="598"/>
      <c r="AM12" s="534" t="s">
        <v>135</v>
      </c>
      <c r="AN12" s="439"/>
      <c r="AO12" s="439"/>
      <c r="AP12" s="439"/>
      <c r="AQ12" s="439"/>
      <c r="AR12" s="439"/>
      <c r="AS12" s="439"/>
      <c r="AT12" s="440"/>
      <c r="AU12" s="522" t="s">
        <v>110</v>
      </c>
      <c r="AV12" s="523"/>
      <c r="AW12" s="523"/>
      <c r="AX12" s="523"/>
      <c r="AY12" s="445" t="s">
        <v>136</v>
      </c>
      <c r="AZ12" s="446"/>
      <c r="BA12" s="446"/>
      <c r="BB12" s="446"/>
      <c r="BC12" s="446"/>
      <c r="BD12" s="446"/>
      <c r="BE12" s="446"/>
      <c r="BF12" s="446"/>
      <c r="BG12" s="446"/>
      <c r="BH12" s="446"/>
      <c r="BI12" s="446"/>
      <c r="BJ12" s="446"/>
      <c r="BK12" s="446"/>
      <c r="BL12" s="446"/>
      <c r="BM12" s="447"/>
      <c r="BN12" s="465">
        <v>28000</v>
      </c>
      <c r="BO12" s="466"/>
      <c r="BP12" s="466"/>
      <c r="BQ12" s="466"/>
      <c r="BR12" s="466"/>
      <c r="BS12" s="466"/>
      <c r="BT12" s="466"/>
      <c r="BU12" s="467"/>
      <c r="BV12" s="465">
        <v>0</v>
      </c>
      <c r="BW12" s="466"/>
      <c r="BX12" s="466"/>
      <c r="BY12" s="466"/>
      <c r="BZ12" s="466"/>
      <c r="CA12" s="466"/>
      <c r="CB12" s="466"/>
      <c r="CC12" s="467"/>
      <c r="CD12" s="474" t="s">
        <v>137</v>
      </c>
      <c r="CE12" s="475"/>
      <c r="CF12" s="475"/>
      <c r="CG12" s="475"/>
      <c r="CH12" s="475"/>
      <c r="CI12" s="475"/>
      <c r="CJ12" s="475"/>
      <c r="CK12" s="475"/>
      <c r="CL12" s="475"/>
      <c r="CM12" s="475"/>
      <c r="CN12" s="475"/>
      <c r="CO12" s="475"/>
      <c r="CP12" s="475"/>
      <c r="CQ12" s="475"/>
      <c r="CR12" s="475"/>
      <c r="CS12" s="476"/>
      <c r="CT12" s="578" t="s">
        <v>138</v>
      </c>
      <c r="CU12" s="579"/>
      <c r="CV12" s="579"/>
      <c r="CW12" s="579"/>
      <c r="CX12" s="579"/>
      <c r="CY12" s="579"/>
      <c r="CZ12" s="579"/>
      <c r="DA12" s="580"/>
      <c r="DB12" s="578" t="s">
        <v>139</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40</v>
      </c>
      <c r="N13" s="566"/>
      <c r="O13" s="566"/>
      <c r="P13" s="566"/>
      <c r="Q13" s="567"/>
      <c r="R13" s="568">
        <v>1458758</v>
      </c>
      <c r="S13" s="569"/>
      <c r="T13" s="569"/>
      <c r="U13" s="569"/>
      <c r="V13" s="570"/>
      <c r="W13" s="556" t="s">
        <v>141</v>
      </c>
      <c r="X13" s="478"/>
      <c r="Y13" s="478"/>
      <c r="Z13" s="478"/>
      <c r="AA13" s="478"/>
      <c r="AB13" s="479"/>
      <c r="AC13" s="441">
        <v>2620</v>
      </c>
      <c r="AD13" s="442"/>
      <c r="AE13" s="442"/>
      <c r="AF13" s="442"/>
      <c r="AG13" s="443"/>
      <c r="AH13" s="441">
        <v>2444</v>
      </c>
      <c r="AI13" s="442"/>
      <c r="AJ13" s="442"/>
      <c r="AK13" s="442"/>
      <c r="AL13" s="444"/>
      <c r="AM13" s="534" t="s">
        <v>142</v>
      </c>
      <c r="AN13" s="439"/>
      <c r="AO13" s="439"/>
      <c r="AP13" s="439"/>
      <c r="AQ13" s="439"/>
      <c r="AR13" s="439"/>
      <c r="AS13" s="439"/>
      <c r="AT13" s="440"/>
      <c r="AU13" s="522" t="s">
        <v>143</v>
      </c>
      <c r="AV13" s="523"/>
      <c r="AW13" s="523"/>
      <c r="AX13" s="523"/>
      <c r="AY13" s="445" t="s">
        <v>144</v>
      </c>
      <c r="AZ13" s="446"/>
      <c r="BA13" s="446"/>
      <c r="BB13" s="446"/>
      <c r="BC13" s="446"/>
      <c r="BD13" s="446"/>
      <c r="BE13" s="446"/>
      <c r="BF13" s="446"/>
      <c r="BG13" s="446"/>
      <c r="BH13" s="446"/>
      <c r="BI13" s="446"/>
      <c r="BJ13" s="446"/>
      <c r="BK13" s="446"/>
      <c r="BL13" s="446"/>
      <c r="BM13" s="447"/>
      <c r="BN13" s="465">
        <v>271425</v>
      </c>
      <c r="BO13" s="466"/>
      <c r="BP13" s="466"/>
      <c r="BQ13" s="466"/>
      <c r="BR13" s="466"/>
      <c r="BS13" s="466"/>
      <c r="BT13" s="466"/>
      <c r="BU13" s="467"/>
      <c r="BV13" s="465">
        <v>265431</v>
      </c>
      <c r="BW13" s="466"/>
      <c r="BX13" s="466"/>
      <c r="BY13" s="466"/>
      <c r="BZ13" s="466"/>
      <c r="CA13" s="466"/>
      <c r="CB13" s="466"/>
      <c r="CC13" s="467"/>
      <c r="CD13" s="474" t="s">
        <v>145</v>
      </c>
      <c r="CE13" s="475"/>
      <c r="CF13" s="475"/>
      <c r="CG13" s="475"/>
      <c r="CH13" s="475"/>
      <c r="CI13" s="475"/>
      <c r="CJ13" s="475"/>
      <c r="CK13" s="475"/>
      <c r="CL13" s="475"/>
      <c r="CM13" s="475"/>
      <c r="CN13" s="475"/>
      <c r="CO13" s="475"/>
      <c r="CP13" s="475"/>
      <c r="CQ13" s="475"/>
      <c r="CR13" s="475"/>
      <c r="CS13" s="476"/>
      <c r="CT13" s="435">
        <v>7.3</v>
      </c>
      <c r="CU13" s="436"/>
      <c r="CV13" s="436"/>
      <c r="CW13" s="436"/>
      <c r="CX13" s="436"/>
      <c r="CY13" s="436"/>
      <c r="CZ13" s="436"/>
      <c r="DA13" s="437"/>
      <c r="DB13" s="435">
        <v>6.9</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6</v>
      </c>
      <c r="M14" s="599"/>
      <c r="N14" s="599"/>
      <c r="O14" s="599"/>
      <c r="P14" s="599"/>
      <c r="Q14" s="600"/>
      <c r="R14" s="568">
        <v>1488031</v>
      </c>
      <c r="S14" s="569"/>
      <c r="T14" s="569"/>
      <c r="U14" s="569"/>
      <c r="V14" s="570"/>
      <c r="W14" s="571"/>
      <c r="X14" s="481"/>
      <c r="Y14" s="481"/>
      <c r="Z14" s="481"/>
      <c r="AA14" s="481"/>
      <c r="AB14" s="482"/>
      <c r="AC14" s="561">
        <v>0.4</v>
      </c>
      <c r="AD14" s="562"/>
      <c r="AE14" s="562"/>
      <c r="AF14" s="562"/>
      <c r="AG14" s="563"/>
      <c r="AH14" s="561">
        <v>0.4</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7</v>
      </c>
      <c r="CE14" s="472"/>
      <c r="CF14" s="472"/>
      <c r="CG14" s="472"/>
      <c r="CH14" s="472"/>
      <c r="CI14" s="472"/>
      <c r="CJ14" s="472"/>
      <c r="CK14" s="472"/>
      <c r="CL14" s="472"/>
      <c r="CM14" s="472"/>
      <c r="CN14" s="472"/>
      <c r="CO14" s="472"/>
      <c r="CP14" s="472"/>
      <c r="CQ14" s="472"/>
      <c r="CR14" s="472"/>
      <c r="CS14" s="473"/>
      <c r="CT14" s="572">
        <v>120.4</v>
      </c>
      <c r="CU14" s="573"/>
      <c r="CV14" s="573"/>
      <c r="CW14" s="573"/>
      <c r="CX14" s="573"/>
      <c r="CY14" s="573"/>
      <c r="CZ14" s="573"/>
      <c r="DA14" s="574"/>
      <c r="DB14" s="572">
        <v>121.7</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40</v>
      </c>
      <c r="N15" s="566"/>
      <c r="O15" s="566"/>
      <c r="P15" s="566"/>
      <c r="Q15" s="567"/>
      <c r="R15" s="568">
        <v>1449220</v>
      </c>
      <c r="S15" s="569"/>
      <c r="T15" s="569"/>
      <c r="U15" s="569"/>
      <c r="V15" s="570"/>
      <c r="W15" s="556" t="s">
        <v>148</v>
      </c>
      <c r="X15" s="478"/>
      <c r="Y15" s="478"/>
      <c r="Z15" s="478"/>
      <c r="AA15" s="478"/>
      <c r="AB15" s="479"/>
      <c r="AC15" s="441">
        <v>133765</v>
      </c>
      <c r="AD15" s="442"/>
      <c r="AE15" s="442"/>
      <c r="AF15" s="442"/>
      <c r="AG15" s="443"/>
      <c r="AH15" s="441">
        <v>126687</v>
      </c>
      <c r="AI15" s="442"/>
      <c r="AJ15" s="442"/>
      <c r="AK15" s="442"/>
      <c r="AL15" s="444"/>
      <c r="AM15" s="534"/>
      <c r="AN15" s="439"/>
      <c r="AO15" s="439"/>
      <c r="AP15" s="439"/>
      <c r="AQ15" s="439"/>
      <c r="AR15" s="439"/>
      <c r="AS15" s="439"/>
      <c r="AT15" s="440"/>
      <c r="AU15" s="522"/>
      <c r="AV15" s="523"/>
      <c r="AW15" s="523"/>
      <c r="AX15" s="523"/>
      <c r="AY15" s="457" t="s">
        <v>149</v>
      </c>
      <c r="AZ15" s="458"/>
      <c r="BA15" s="458"/>
      <c r="BB15" s="458"/>
      <c r="BC15" s="458"/>
      <c r="BD15" s="458"/>
      <c r="BE15" s="458"/>
      <c r="BF15" s="458"/>
      <c r="BG15" s="458"/>
      <c r="BH15" s="458"/>
      <c r="BI15" s="458"/>
      <c r="BJ15" s="458"/>
      <c r="BK15" s="458"/>
      <c r="BL15" s="458"/>
      <c r="BM15" s="459"/>
      <c r="BN15" s="460">
        <v>293127024</v>
      </c>
      <c r="BO15" s="461"/>
      <c r="BP15" s="461"/>
      <c r="BQ15" s="461"/>
      <c r="BR15" s="461"/>
      <c r="BS15" s="461"/>
      <c r="BT15" s="461"/>
      <c r="BU15" s="462"/>
      <c r="BV15" s="460">
        <v>286183164</v>
      </c>
      <c r="BW15" s="461"/>
      <c r="BX15" s="461"/>
      <c r="BY15" s="461"/>
      <c r="BZ15" s="461"/>
      <c r="CA15" s="461"/>
      <c r="CB15" s="461"/>
      <c r="CC15" s="462"/>
      <c r="CD15" s="575" t="s">
        <v>150</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51</v>
      </c>
      <c r="M16" s="559"/>
      <c r="N16" s="559"/>
      <c r="O16" s="559"/>
      <c r="P16" s="559"/>
      <c r="Q16" s="560"/>
      <c r="R16" s="553" t="s">
        <v>152</v>
      </c>
      <c r="S16" s="554"/>
      <c r="T16" s="554"/>
      <c r="U16" s="554"/>
      <c r="V16" s="555"/>
      <c r="W16" s="571"/>
      <c r="X16" s="481"/>
      <c r="Y16" s="481"/>
      <c r="Z16" s="481"/>
      <c r="AA16" s="481"/>
      <c r="AB16" s="482"/>
      <c r="AC16" s="561">
        <v>21.3</v>
      </c>
      <c r="AD16" s="562"/>
      <c r="AE16" s="562"/>
      <c r="AF16" s="562"/>
      <c r="AG16" s="563"/>
      <c r="AH16" s="561">
        <v>21.2</v>
      </c>
      <c r="AI16" s="562"/>
      <c r="AJ16" s="562"/>
      <c r="AK16" s="562"/>
      <c r="AL16" s="564"/>
      <c r="AM16" s="534"/>
      <c r="AN16" s="439"/>
      <c r="AO16" s="439"/>
      <c r="AP16" s="439"/>
      <c r="AQ16" s="439"/>
      <c r="AR16" s="439"/>
      <c r="AS16" s="439"/>
      <c r="AT16" s="440"/>
      <c r="AU16" s="522"/>
      <c r="AV16" s="523"/>
      <c r="AW16" s="523"/>
      <c r="AX16" s="523"/>
      <c r="AY16" s="445" t="s">
        <v>153</v>
      </c>
      <c r="AZ16" s="446"/>
      <c r="BA16" s="446"/>
      <c r="BB16" s="446"/>
      <c r="BC16" s="446"/>
      <c r="BD16" s="446"/>
      <c r="BE16" s="446"/>
      <c r="BF16" s="446"/>
      <c r="BG16" s="446"/>
      <c r="BH16" s="446"/>
      <c r="BI16" s="446"/>
      <c r="BJ16" s="446"/>
      <c r="BK16" s="446"/>
      <c r="BL16" s="446"/>
      <c r="BM16" s="447"/>
      <c r="BN16" s="465">
        <v>287431560</v>
      </c>
      <c r="BO16" s="466"/>
      <c r="BP16" s="466"/>
      <c r="BQ16" s="466"/>
      <c r="BR16" s="466"/>
      <c r="BS16" s="466"/>
      <c r="BT16" s="466"/>
      <c r="BU16" s="467"/>
      <c r="BV16" s="465">
        <v>286189428</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4</v>
      </c>
      <c r="N17" s="551"/>
      <c r="O17" s="551"/>
      <c r="P17" s="551"/>
      <c r="Q17" s="552"/>
      <c r="R17" s="553" t="s">
        <v>155</v>
      </c>
      <c r="S17" s="554"/>
      <c r="T17" s="554"/>
      <c r="U17" s="554"/>
      <c r="V17" s="555"/>
      <c r="W17" s="556" t="s">
        <v>156</v>
      </c>
      <c r="X17" s="478"/>
      <c r="Y17" s="478"/>
      <c r="Z17" s="478"/>
      <c r="AA17" s="478"/>
      <c r="AB17" s="479"/>
      <c r="AC17" s="441">
        <v>491816</v>
      </c>
      <c r="AD17" s="442"/>
      <c r="AE17" s="442"/>
      <c r="AF17" s="442"/>
      <c r="AG17" s="443"/>
      <c r="AH17" s="441">
        <v>469846</v>
      </c>
      <c r="AI17" s="442"/>
      <c r="AJ17" s="442"/>
      <c r="AK17" s="442"/>
      <c r="AL17" s="444"/>
      <c r="AM17" s="534"/>
      <c r="AN17" s="439"/>
      <c r="AO17" s="439"/>
      <c r="AP17" s="439"/>
      <c r="AQ17" s="439"/>
      <c r="AR17" s="439"/>
      <c r="AS17" s="439"/>
      <c r="AT17" s="440"/>
      <c r="AU17" s="522"/>
      <c r="AV17" s="523"/>
      <c r="AW17" s="523"/>
      <c r="AX17" s="523"/>
      <c r="AY17" s="445" t="s">
        <v>157</v>
      </c>
      <c r="AZ17" s="446"/>
      <c r="BA17" s="446"/>
      <c r="BB17" s="446"/>
      <c r="BC17" s="446"/>
      <c r="BD17" s="446"/>
      <c r="BE17" s="446"/>
      <c r="BF17" s="446"/>
      <c r="BG17" s="446"/>
      <c r="BH17" s="446"/>
      <c r="BI17" s="446"/>
      <c r="BJ17" s="446"/>
      <c r="BK17" s="446"/>
      <c r="BL17" s="446"/>
      <c r="BM17" s="447"/>
      <c r="BN17" s="465">
        <v>368483160</v>
      </c>
      <c r="BO17" s="466"/>
      <c r="BP17" s="466"/>
      <c r="BQ17" s="466"/>
      <c r="BR17" s="466"/>
      <c r="BS17" s="466"/>
      <c r="BT17" s="466"/>
      <c r="BU17" s="467"/>
      <c r="BV17" s="465">
        <v>360226158</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8</v>
      </c>
      <c r="C18" s="528"/>
      <c r="D18" s="528"/>
      <c r="E18" s="529"/>
      <c r="F18" s="529"/>
      <c r="G18" s="529"/>
      <c r="H18" s="529"/>
      <c r="I18" s="529"/>
      <c r="J18" s="529"/>
      <c r="K18" s="529"/>
      <c r="L18" s="530">
        <v>143.01</v>
      </c>
      <c r="M18" s="530"/>
      <c r="N18" s="530"/>
      <c r="O18" s="530"/>
      <c r="P18" s="530"/>
      <c r="Q18" s="530"/>
      <c r="R18" s="531"/>
      <c r="S18" s="531"/>
      <c r="T18" s="531"/>
      <c r="U18" s="531"/>
      <c r="V18" s="532"/>
      <c r="W18" s="546"/>
      <c r="X18" s="547"/>
      <c r="Y18" s="547"/>
      <c r="Z18" s="547"/>
      <c r="AA18" s="547"/>
      <c r="AB18" s="557"/>
      <c r="AC18" s="429">
        <v>78.3</v>
      </c>
      <c r="AD18" s="430"/>
      <c r="AE18" s="430"/>
      <c r="AF18" s="430"/>
      <c r="AG18" s="533"/>
      <c r="AH18" s="429">
        <v>78.400000000000006</v>
      </c>
      <c r="AI18" s="430"/>
      <c r="AJ18" s="430"/>
      <c r="AK18" s="430"/>
      <c r="AL18" s="431"/>
      <c r="AM18" s="534"/>
      <c r="AN18" s="439"/>
      <c r="AO18" s="439"/>
      <c r="AP18" s="439"/>
      <c r="AQ18" s="439"/>
      <c r="AR18" s="439"/>
      <c r="AS18" s="439"/>
      <c r="AT18" s="440"/>
      <c r="AU18" s="522"/>
      <c r="AV18" s="523"/>
      <c r="AW18" s="523"/>
      <c r="AX18" s="523"/>
      <c r="AY18" s="445" t="s">
        <v>159</v>
      </c>
      <c r="AZ18" s="446"/>
      <c r="BA18" s="446"/>
      <c r="BB18" s="446"/>
      <c r="BC18" s="446"/>
      <c r="BD18" s="446"/>
      <c r="BE18" s="446"/>
      <c r="BF18" s="446"/>
      <c r="BG18" s="446"/>
      <c r="BH18" s="446"/>
      <c r="BI18" s="446"/>
      <c r="BJ18" s="446"/>
      <c r="BK18" s="446"/>
      <c r="BL18" s="446"/>
      <c r="BM18" s="447"/>
      <c r="BN18" s="465">
        <v>375457221</v>
      </c>
      <c r="BO18" s="466"/>
      <c r="BP18" s="466"/>
      <c r="BQ18" s="466"/>
      <c r="BR18" s="466"/>
      <c r="BS18" s="466"/>
      <c r="BT18" s="466"/>
      <c r="BU18" s="467"/>
      <c r="BV18" s="465">
        <v>369785048</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60</v>
      </c>
      <c r="C19" s="528"/>
      <c r="D19" s="528"/>
      <c r="E19" s="529"/>
      <c r="F19" s="529"/>
      <c r="G19" s="529"/>
      <c r="H19" s="529"/>
      <c r="I19" s="529"/>
      <c r="J19" s="529"/>
      <c r="K19" s="529"/>
      <c r="L19" s="535">
        <v>10315</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61</v>
      </c>
      <c r="AZ19" s="446"/>
      <c r="BA19" s="446"/>
      <c r="BB19" s="446"/>
      <c r="BC19" s="446"/>
      <c r="BD19" s="446"/>
      <c r="BE19" s="446"/>
      <c r="BF19" s="446"/>
      <c r="BG19" s="446"/>
      <c r="BH19" s="446"/>
      <c r="BI19" s="446"/>
      <c r="BJ19" s="446"/>
      <c r="BK19" s="446"/>
      <c r="BL19" s="446"/>
      <c r="BM19" s="447"/>
      <c r="BN19" s="465">
        <v>454551319</v>
      </c>
      <c r="BO19" s="466"/>
      <c r="BP19" s="466"/>
      <c r="BQ19" s="466"/>
      <c r="BR19" s="466"/>
      <c r="BS19" s="466"/>
      <c r="BT19" s="466"/>
      <c r="BU19" s="467"/>
      <c r="BV19" s="465">
        <v>434852128</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2</v>
      </c>
      <c r="C20" s="528"/>
      <c r="D20" s="528"/>
      <c r="E20" s="529"/>
      <c r="F20" s="529"/>
      <c r="G20" s="529"/>
      <c r="H20" s="529"/>
      <c r="I20" s="529"/>
      <c r="J20" s="529"/>
      <c r="K20" s="529"/>
      <c r="L20" s="535">
        <v>691837</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3</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4</v>
      </c>
      <c r="C22" s="495"/>
      <c r="D22" s="496"/>
      <c r="E22" s="503" t="s">
        <v>1</v>
      </c>
      <c r="F22" s="478"/>
      <c r="G22" s="478"/>
      <c r="H22" s="478"/>
      <c r="I22" s="478"/>
      <c r="J22" s="478"/>
      <c r="K22" s="479"/>
      <c r="L22" s="503" t="s">
        <v>165</v>
      </c>
      <c r="M22" s="478"/>
      <c r="N22" s="478"/>
      <c r="O22" s="478"/>
      <c r="P22" s="479"/>
      <c r="Q22" s="488" t="s">
        <v>166</v>
      </c>
      <c r="R22" s="489"/>
      <c r="S22" s="489"/>
      <c r="T22" s="489"/>
      <c r="U22" s="489"/>
      <c r="V22" s="504"/>
      <c r="W22" s="506" t="s">
        <v>167</v>
      </c>
      <c r="X22" s="495"/>
      <c r="Y22" s="496"/>
      <c r="Z22" s="503" t="s">
        <v>1</v>
      </c>
      <c r="AA22" s="478"/>
      <c r="AB22" s="478"/>
      <c r="AC22" s="478"/>
      <c r="AD22" s="478"/>
      <c r="AE22" s="478"/>
      <c r="AF22" s="478"/>
      <c r="AG22" s="479"/>
      <c r="AH22" s="477" t="s">
        <v>168</v>
      </c>
      <c r="AI22" s="478"/>
      <c r="AJ22" s="478"/>
      <c r="AK22" s="478"/>
      <c r="AL22" s="479"/>
      <c r="AM22" s="477" t="s">
        <v>169</v>
      </c>
      <c r="AN22" s="483"/>
      <c r="AO22" s="483"/>
      <c r="AP22" s="483"/>
      <c r="AQ22" s="483"/>
      <c r="AR22" s="484"/>
      <c r="AS22" s="488" t="s">
        <v>166</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70</v>
      </c>
      <c r="AZ23" s="458"/>
      <c r="BA23" s="458"/>
      <c r="BB23" s="458"/>
      <c r="BC23" s="458"/>
      <c r="BD23" s="458"/>
      <c r="BE23" s="458"/>
      <c r="BF23" s="458"/>
      <c r="BG23" s="458"/>
      <c r="BH23" s="458"/>
      <c r="BI23" s="458"/>
      <c r="BJ23" s="458"/>
      <c r="BK23" s="458"/>
      <c r="BL23" s="458"/>
      <c r="BM23" s="459"/>
      <c r="BN23" s="465">
        <v>814670809</v>
      </c>
      <c r="BO23" s="466"/>
      <c r="BP23" s="466"/>
      <c r="BQ23" s="466"/>
      <c r="BR23" s="466"/>
      <c r="BS23" s="466"/>
      <c r="BT23" s="466"/>
      <c r="BU23" s="467"/>
      <c r="BV23" s="465">
        <v>827963473</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71</v>
      </c>
      <c r="F24" s="439"/>
      <c r="G24" s="439"/>
      <c r="H24" s="439"/>
      <c r="I24" s="439"/>
      <c r="J24" s="439"/>
      <c r="K24" s="440"/>
      <c r="L24" s="441">
        <v>1</v>
      </c>
      <c r="M24" s="442"/>
      <c r="N24" s="442"/>
      <c r="O24" s="442"/>
      <c r="P24" s="443"/>
      <c r="Q24" s="441">
        <v>12000</v>
      </c>
      <c r="R24" s="442"/>
      <c r="S24" s="442"/>
      <c r="T24" s="442"/>
      <c r="U24" s="442"/>
      <c r="V24" s="443"/>
      <c r="W24" s="507"/>
      <c r="X24" s="498"/>
      <c r="Y24" s="499"/>
      <c r="Z24" s="438" t="s">
        <v>172</v>
      </c>
      <c r="AA24" s="439"/>
      <c r="AB24" s="439"/>
      <c r="AC24" s="439"/>
      <c r="AD24" s="439"/>
      <c r="AE24" s="439"/>
      <c r="AF24" s="439"/>
      <c r="AG24" s="440"/>
      <c r="AH24" s="441">
        <v>9431</v>
      </c>
      <c r="AI24" s="442"/>
      <c r="AJ24" s="442"/>
      <c r="AK24" s="442"/>
      <c r="AL24" s="443"/>
      <c r="AM24" s="441">
        <v>30320665</v>
      </c>
      <c r="AN24" s="442"/>
      <c r="AO24" s="442"/>
      <c r="AP24" s="442"/>
      <c r="AQ24" s="442"/>
      <c r="AR24" s="443"/>
      <c r="AS24" s="441">
        <v>3215</v>
      </c>
      <c r="AT24" s="442"/>
      <c r="AU24" s="442"/>
      <c r="AV24" s="442"/>
      <c r="AW24" s="442"/>
      <c r="AX24" s="444"/>
      <c r="AY24" s="432" t="s">
        <v>173</v>
      </c>
      <c r="AZ24" s="433"/>
      <c r="BA24" s="433"/>
      <c r="BB24" s="433"/>
      <c r="BC24" s="433"/>
      <c r="BD24" s="433"/>
      <c r="BE24" s="433"/>
      <c r="BF24" s="433"/>
      <c r="BG24" s="433"/>
      <c r="BH24" s="433"/>
      <c r="BI24" s="433"/>
      <c r="BJ24" s="433"/>
      <c r="BK24" s="433"/>
      <c r="BL24" s="433"/>
      <c r="BM24" s="434"/>
      <c r="BN24" s="465">
        <v>75231803</v>
      </c>
      <c r="BO24" s="466"/>
      <c r="BP24" s="466"/>
      <c r="BQ24" s="466"/>
      <c r="BR24" s="466"/>
      <c r="BS24" s="466"/>
      <c r="BT24" s="466"/>
      <c r="BU24" s="467"/>
      <c r="BV24" s="465">
        <v>82977327</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4</v>
      </c>
      <c r="F25" s="439"/>
      <c r="G25" s="439"/>
      <c r="H25" s="439"/>
      <c r="I25" s="439"/>
      <c r="J25" s="439"/>
      <c r="K25" s="440"/>
      <c r="L25" s="441">
        <v>3</v>
      </c>
      <c r="M25" s="442"/>
      <c r="N25" s="442"/>
      <c r="O25" s="442"/>
      <c r="P25" s="443"/>
      <c r="Q25" s="441">
        <v>9500</v>
      </c>
      <c r="R25" s="442"/>
      <c r="S25" s="442"/>
      <c r="T25" s="442"/>
      <c r="U25" s="442"/>
      <c r="V25" s="443"/>
      <c r="W25" s="507"/>
      <c r="X25" s="498"/>
      <c r="Y25" s="499"/>
      <c r="Z25" s="438" t="s">
        <v>175</v>
      </c>
      <c r="AA25" s="439"/>
      <c r="AB25" s="439"/>
      <c r="AC25" s="439"/>
      <c r="AD25" s="439"/>
      <c r="AE25" s="439"/>
      <c r="AF25" s="439"/>
      <c r="AG25" s="440"/>
      <c r="AH25" s="441">
        <v>1434</v>
      </c>
      <c r="AI25" s="442"/>
      <c r="AJ25" s="442"/>
      <c r="AK25" s="442"/>
      <c r="AL25" s="443"/>
      <c r="AM25" s="441">
        <v>4320642</v>
      </c>
      <c r="AN25" s="442"/>
      <c r="AO25" s="442"/>
      <c r="AP25" s="442"/>
      <c r="AQ25" s="442"/>
      <c r="AR25" s="443"/>
      <c r="AS25" s="441">
        <v>3013</v>
      </c>
      <c r="AT25" s="442"/>
      <c r="AU25" s="442"/>
      <c r="AV25" s="442"/>
      <c r="AW25" s="442"/>
      <c r="AX25" s="444"/>
      <c r="AY25" s="457" t="s">
        <v>176</v>
      </c>
      <c r="AZ25" s="458"/>
      <c r="BA25" s="458"/>
      <c r="BB25" s="458"/>
      <c r="BC25" s="458"/>
      <c r="BD25" s="458"/>
      <c r="BE25" s="458"/>
      <c r="BF25" s="458"/>
      <c r="BG25" s="458"/>
      <c r="BH25" s="458"/>
      <c r="BI25" s="458"/>
      <c r="BJ25" s="458"/>
      <c r="BK25" s="458"/>
      <c r="BL25" s="458"/>
      <c r="BM25" s="459"/>
      <c r="BN25" s="460">
        <v>180123616</v>
      </c>
      <c r="BO25" s="461"/>
      <c r="BP25" s="461"/>
      <c r="BQ25" s="461"/>
      <c r="BR25" s="461"/>
      <c r="BS25" s="461"/>
      <c r="BT25" s="461"/>
      <c r="BU25" s="462"/>
      <c r="BV25" s="460">
        <v>207210706</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7</v>
      </c>
      <c r="F26" s="439"/>
      <c r="G26" s="439"/>
      <c r="H26" s="439"/>
      <c r="I26" s="439"/>
      <c r="J26" s="439"/>
      <c r="K26" s="440"/>
      <c r="L26" s="441">
        <v>1</v>
      </c>
      <c r="M26" s="442"/>
      <c r="N26" s="442"/>
      <c r="O26" s="442"/>
      <c r="P26" s="443"/>
      <c r="Q26" s="441">
        <v>7800</v>
      </c>
      <c r="R26" s="442"/>
      <c r="S26" s="442"/>
      <c r="T26" s="442"/>
      <c r="U26" s="442"/>
      <c r="V26" s="443"/>
      <c r="W26" s="507"/>
      <c r="X26" s="498"/>
      <c r="Y26" s="499"/>
      <c r="Z26" s="438" t="s">
        <v>178</v>
      </c>
      <c r="AA26" s="520"/>
      <c r="AB26" s="520"/>
      <c r="AC26" s="520"/>
      <c r="AD26" s="520"/>
      <c r="AE26" s="520"/>
      <c r="AF26" s="520"/>
      <c r="AG26" s="521"/>
      <c r="AH26" s="441">
        <v>1308</v>
      </c>
      <c r="AI26" s="442"/>
      <c r="AJ26" s="442"/>
      <c r="AK26" s="442"/>
      <c r="AL26" s="443"/>
      <c r="AM26" s="441">
        <v>4299396</v>
      </c>
      <c r="AN26" s="442"/>
      <c r="AO26" s="442"/>
      <c r="AP26" s="442"/>
      <c r="AQ26" s="442"/>
      <c r="AR26" s="443"/>
      <c r="AS26" s="441">
        <v>3287</v>
      </c>
      <c r="AT26" s="442"/>
      <c r="AU26" s="442"/>
      <c r="AV26" s="442"/>
      <c r="AW26" s="442"/>
      <c r="AX26" s="444"/>
      <c r="AY26" s="474" t="s">
        <v>179</v>
      </c>
      <c r="AZ26" s="475"/>
      <c r="BA26" s="475"/>
      <c r="BB26" s="475"/>
      <c r="BC26" s="475"/>
      <c r="BD26" s="475"/>
      <c r="BE26" s="475"/>
      <c r="BF26" s="475"/>
      <c r="BG26" s="475"/>
      <c r="BH26" s="475"/>
      <c r="BI26" s="475"/>
      <c r="BJ26" s="475"/>
      <c r="BK26" s="475"/>
      <c r="BL26" s="475"/>
      <c r="BM26" s="476"/>
      <c r="BN26" s="465">
        <v>3045950</v>
      </c>
      <c r="BO26" s="466"/>
      <c r="BP26" s="466"/>
      <c r="BQ26" s="466"/>
      <c r="BR26" s="466"/>
      <c r="BS26" s="466"/>
      <c r="BT26" s="466"/>
      <c r="BU26" s="467"/>
      <c r="BV26" s="465">
        <v>2993068</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80</v>
      </c>
      <c r="F27" s="439"/>
      <c r="G27" s="439"/>
      <c r="H27" s="439"/>
      <c r="I27" s="439"/>
      <c r="J27" s="439"/>
      <c r="K27" s="440"/>
      <c r="L27" s="441">
        <v>1</v>
      </c>
      <c r="M27" s="442"/>
      <c r="N27" s="442"/>
      <c r="O27" s="442"/>
      <c r="P27" s="443"/>
      <c r="Q27" s="441">
        <v>10300</v>
      </c>
      <c r="R27" s="442"/>
      <c r="S27" s="442"/>
      <c r="T27" s="442"/>
      <c r="U27" s="442"/>
      <c r="V27" s="443"/>
      <c r="W27" s="507"/>
      <c r="X27" s="498"/>
      <c r="Y27" s="499"/>
      <c r="Z27" s="438" t="s">
        <v>181</v>
      </c>
      <c r="AA27" s="439"/>
      <c r="AB27" s="439"/>
      <c r="AC27" s="439"/>
      <c r="AD27" s="439"/>
      <c r="AE27" s="439"/>
      <c r="AF27" s="439"/>
      <c r="AG27" s="440"/>
      <c r="AH27" s="441">
        <v>6107</v>
      </c>
      <c r="AI27" s="442"/>
      <c r="AJ27" s="442"/>
      <c r="AK27" s="442"/>
      <c r="AL27" s="443"/>
      <c r="AM27" s="441">
        <v>20697762</v>
      </c>
      <c r="AN27" s="442"/>
      <c r="AO27" s="442"/>
      <c r="AP27" s="442"/>
      <c r="AQ27" s="442"/>
      <c r="AR27" s="443"/>
      <c r="AS27" s="441">
        <v>3389</v>
      </c>
      <c r="AT27" s="442"/>
      <c r="AU27" s="442"/>
      <c r="AV27" s="442"/>
      <c r="AW27" s="442"/>
      <c r="AX27" s="444"/>
      <c r="AY27" s="471" t="s">
        <v>182</v>
      </c>
      <c r="AZ27" s="472"/>
      <c r="BA27" s="472"/>
      <c r="BB27" s="472"/>
      <c r="BC27" s="472"/>
      <c r="BD27" s="472"/>
      <c r="BE27" s="472"/>
      <c r="BF27" s="472"/>
      <c r="BG27" s="472"/>
      <c r="BH27" s="472"/>
      <c r="BI27" s="472"/>
      <c r="BJ27" s="472"/>
      <c r="BK27" s="472"/>
      <c r="BL27" s="472"/>
      <c r="BM27" s="473"/>
      <c r="BN27" s="468">
        <v>690127</v>
      </c>
      <c r="BO27" s="469"/>
      <c r="BP27" s="469"/>
      <c r="BQ27" s="469"/>
      <c r="BR27" s="469"/>
      <c r="BS27" s="469"/>
      <c r="BT27" s="469"/>
      <c r="BU27" s="470"/>
      <c r="BV27" s="468">
        <v>569163</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3</v>
      </c>
      <c r="F28" s="439"/>
      <c r="G28" s="439"/>
      <c r="H28" s="439"/>
      <c r="I28" s="439"/>
      <c r="J28" s="439"/>
      <c r="K28" s="440"/>
      <c r="L28" s="441">
        <v>1</v>
      </c>
      <c r="M28" s="442"/>
      <c r="N28" s="442"/>
      <c r="O28" s="442"/>
      <c r="P28" s="443"/>
      <c r="Q28" s="441">
        <v>9200</v>
      </c>
      <c r="R28" s="442"/>
      <c r="S28" s="442"/>
      <c r="T28" s="442"/>
      <c r="U28" s="442"/>
      <c r="V28" s="443"/>
      <c r="W28" s="507"/>
      <c r="X28" s="498"/>
      <c r="Y28" s="499"/>
      <c r="Z28" s="438" t="s">
        <v>184</v>
      </c>
      <c r="AA28" s="439"/>
      <c r="AB28" s="439"/>
      <c r="AC28" s="439"/>
      <c r="AD28" s="439"/>
      <c r="AE28" s="439"/>
      <c r="AF28" s="439"/>
      <c r="AG28" s="440"/>
      <c r="AH28" s="441" t="s">
        <v>139</v>
      </c>
      <c r="AI28" s="442"/>
      <c r="AJ28" s="442"/>
      <c r="AK28" s="442"/>
      <c r="AL28" s="443"/>
      <c r="AM28" s="441" t="s">
        <v>139</v>
      </c>
      <c r="AN28" s="442"/>
      <c r="AO28" s="442"/>
      <c r="AP28" s="442"/>
      <c r="AQ28" s="442"/>
      <c r="AR28" s="443"/>
      <c r="AS28" s="441" t="s">
        <v>130</v>
      </c>
      <c r="AT28" s="442"/>
      <c r="AU28" s="442"/>
      <c r="AV28" s="442"/>
      <c r="AW28" s="442"/>
      <c r="AX28" s="444"/>
      <c r="AY28" s="448" t="s">
        <v>185</v>
      </c>
      <c r="AZ28" s="449"/>
      <c r="BA28" s="449"/>
      <c r="BB28" s="450"/>
      <c r="BC28" s="457" t="s">
        <v>48</v>
      </c>
      <c r="BD28" s="458"/>
      <c r="BE28" s="458"/>
      <c r="BF28" s="458"/>
      <c r="BG28" s="458"/>
      <c r="BH28" s="458"/>
      <c r="BI28" s="458"/>
      <c r="BJ28" s="458"/>
      <c r="BK28" s="458"/>
      <c r="BL28" s="458"/>
      <c r="BM28" s="459"/>
      <c r="BN28" s="460">
        <v>6121419</v>
      </c>
      <c r="BO28" s="461"/>
      <c r="BP28" s="461"/>
      <c r="BQ28" s="461"/>
      <c r="BR28" s="461"/>
      <c r="BS28" s="461"/>
      <c r="BT28" s="461"/>
      <c r="BU28" s="462"/>
      <c r="BV28" s="460">
        <v>5662522</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6</v>
      </c>
      <c r="F29" s="439"/>
      <c r="G29" s="439"/>
      <c r="H29" s="439"/>
      <c r="I29" s="439"/>
      <c r="J29" s="439"/>
      <c r="K29" s="440"/>
      <c r="L29" s="441">
        <v>58</v>
      </c>
      <c r="M29" s="442"/>
      <c r="N29" s="442"/>
      <c r="O29" s="442"/>
      <c r="P29" s="443"/>
      <c r="Q29" s="441">
        <v>8300</v>
      </c>
      <c r="R29" s="442"/>
      <c r="S29" s="442"/>
      <c r="T29" s="442"/>
      <c r="U29" s="442"/>
      <c r="V29" s="443"/>
      <c r="W29" s="508"/>
      <c r="X29" s="509"/>
      <c r="Y29" s="510"/>
      <c r="Z29" s="438" t="s">
        <v>187</v>
      </c>
      <c r="AA29" s="439"/>
      <c r="AB29" s="439"/>
      <c r="AC29" s="439"/>
      <c r="AD29" s="439"/>
      <c r="AE29" s="439"/>
      <c r="AF29" s="439"/>
      <c r="AG29" s="440"/>
      <c r="AH29" s="441">
        <v>15538</v>
      </c>
      <c r="AI29" s="442"/>
      <c r="AJ29" s="442"/>
      <c r="AK29" s="442"/>
      <c r="AL29" s="443"/>
      <c r="AM29" s="441">
        <v>51018427</v>
      </c>
      <c r="AN29" s="442"/>
      <c r="AO29" s="442"/>
      <c r="AP29" s="442"/>
      <c r="AQ29" s="442"/>
      <c r="AR29" s="443"/>
      <c r="AS29" s="441">
        <v>3283</v>
      </c>
      <c r="AT29" s="442"/>
      <c r="AU29" s="442"/>
      <c r="AV29" s="442"/>
      <c r="AW29" s="442"/>
      <c r="AX29" s="444"/>
      <c r="AY29" s="451"/>
      <c r="AZ29" s="452"/>
      <c r="BA29" s="452"/>
      <c r="BB29" s="453"/>
      <c r="BC29" s="445" t="s">
        <v>188</v>
      </c>
      <c r="BD29" s="446"/>
      <c r="BE29" s="446"/>
      <c r="BF29" s="446"/>
      <c r="BG29" s="446"/>
      <c r="BH29" s="446"/>
      <c r="BI29" s="446"/>
      <c r="BJ29" s="446"/>
      <c r="BK29" s="446"/>
      <c r="BL29" s="446"/>
      <c r="BM29" s="447"/>
      <c r="BN29" s="465">
        <v>839196</v>
      </c>
      <c r="BO29" s="466"/>
      <c r="BP29" s="466"/>
      <c r="BQ29" s="466"/>
      <c r="BR29" s="466"/>
      <c r="BS29" s="466"/>
      <c r="BT29" s="466"/>
      <c r="BU29" s="467"/>
      <c r="BV29" s="465">
        <v>741774</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9</v>
      </c>
      <c r="X30" s="518"/>
      <c r="Y30" s="518"/>
      <c r="Z30" s="518"/>
      <c r="AA30" s="518"/>
      <c r="AB30" s="518"/>
      <c r="AC30" s="518"/>
      <c r="AD30" s="518"/>
      <c r="AE30" s="518"/>
      <c r="AF30" s="518"/>
      <c r="AG30" s="519"/>
      <c r="AH30" s="429">
        <v>101.1</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22314619</v>
      </c>
      <c r="BO30" s="469"/>
      <c r="BP30" s="469"/>
      <c r="BQ30" s="469"/>
      <c r="BR30" s="469"/>
      <c r="BS30" s="469"/>
      <c r="BT30" s="469"/>
      <c r="BU30" s="470"/>
      <c r="BV30" s="468">
        <v>23285467</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0</v>
      </c>
      <c r="D32" s="213"/>
      <c r="E32" s="213"/>
      <c r="F32" s="210"/>
      <c r="G32" s="210"/>
      <c r="H32" s="210"/>
      <c r="I32" s="210"/>
      <c r="J32" s="210"/>
      <c r="K32" s="210"/>
      <c r="L32" s="210"/>
      <c r="M32" s="210"/>
      <c r="N32" s="210"/>
      <c r="O32" s="210"/>
      <c r="P32" s="210"/>
      <c r="Q32" s="210"/>
      <c r="R32" s="210"/>
      <c r="S32" s="210"/>
      <c r="T32" s="210"/>
      <c r="U32" s="210" t="s">
        <v>191</v>
      </c>
      <c r="V32" s="210"/>
      <c r="W32" s="210"/>
      <c r="X32" s="210"/>
      <c r="Y32" s="210"/>
      <c r="Z32" s="210"/>
      <c r="AA32" s="210"/>
      <c r="AB32" s="210"/>
      <c r="AC32" s="210"/>
      <c r="AD32" s="210"/>
      <c r="AE32" s="210"/>
      <c r="AF32" s="210"/>
      <c r="AG32" s="210"/>
      <c r="AH32" s="210"/>
      <c r="AI32" s="210"/>
      <c r="AJ32" s="210"/>
      <c r="AK32" s="210"/>
      <c r="AL32" s="210"/>
      <c r="AM32" s="214" t="s">
        <v>192</v>
      </c>
      <c r="AN32" s="210"/>
      <c r="AO32" s="210"/>
      <c r="AP32" s="210"/>
      <c r="AQ32" s="210"/>
      <c r="AR32" s="210"/>
      <c r="AS32" s="214"/>
      <c r="AT32" s="214"/>
      <c r="AU32" s="214"/>
      <c r="AV32" s="214"/>
      <c r="AW32" s="214"/>
      <c r="AX32" s="214"/>
      <c r="AY32" s="214"/>
      <c r="AZ32" s="214"/>
      <c r="BA32" s="214"/>
      <c r="BB32" s="210"/>
      <c r="BC32" s="214"/>
      <c r="BD32" s="210"/>
      <c r="BE32" s="214" t="s">
        <v>193</v>
      </c>
      <c r="BF32" s="210"/>
      <c r="BG32" s="210"/>
      <c r="BH32" s="210"/>
      <c r="BI32" s="210"/>
      <c r="BJ32" s="214"/>
      <c r="BK32" s="214"/>
      <c r="BL32" s="214"/>
      <c r="BM32" s="214"/>
      <c r="BN32" s="214"/>
      <c r="BO32" s="214"/>
      <c r="BP32" s="214"/>
      <c r="BQ32" s="214"/>
      <c r="BR32" s="210"/>
      <c r="BS32" s="210"/>
      <c r="BT32" s="210"/>
      <c r="BU32" s="210"/>
      <c r="BV32" s="210"/>
      <c r="BW32" s="210" t="s">
        <v>194</v>
      </c>
      <c r="BX32" s="210"/>
      <c r="BY32" s="210"/>
      <c r="BZ32" s="210"/>
      <c r="CA32" s="210"/>
      <c r="CB32" s="214"/>
      <c r="CC32" s="214"/>
      <c r="CD32" s="214"/>
      <c r="CE32" s="214"/>
      <c r="CF32" s="214"/>
      <c r="CG32" s="214"/>
      <c r="CH32" s="214"/>
      <c r="CI32" s="214"/>
      <c r="CJ32" s="214"/>
      <c r="CK32" s="214"/>
      <c r="CL32" s="214"/>
      <c r="CM32" s="214"/>
      <c r="CN32" s="214"/>
      <c r="CO32" s="214" t="s">
        <v>195</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6</v>
      </c>
      <c r="D33" s="428"/>
      <c r="E33" s="427" t="s">
        <v>197</v>
      </c>
      <c r="F33" s="427"/>
      <c r="G33" s="427"/>
      <c r="H33" s="427"/>
      <c r="I33" s="427"/>
      <c r="J33" s="427"/>
      <c r="K33" s="427"/>
      <c r="L33" s="427"/>
      <c r="M33" s="427"/>
      <c r="N33" s="427"/>
      <c r="O33" s="427"/>
      <c r="P33" s="427"/>
      <c r="Q33" s="427"/>
      <c r="R33" s="427"/>
      <c r="S33" s="427"/>
      <c r="T33" s="215"/>
      <c r="U33" s="428" t="s">
        <v>196</v>
      </c>
      <c r="V33" s="428"/>
      <c r="W33" s="427" t="s">
        <v>197</v>
      </c>
      <c r="X33" s="427"/>
      <c r="Y33" s="427"/>
      <c r="Z33" s="427"/>
      <c r="AA33" s="427"/>
      <c r="AB33" s="427"/>
      <c r="AC33" s="427"/>
      <c r="AD33" s="427"/>
      <c r="AE33" s="427"/>
      <c r="AF33" s="427"/>
      <c r="AG33" s="427"/>
      <c r="AH33" s="427"/>
      <c r="AI33" s="427"/>
      <c r="AJ33" s="427"/>
      <c r="AK33" s="427"/>
      <c r="AL33" s="215"/>
      <c r="AM33" s="428" t="s">
        <v>198</v>
      </c>
      <c r="AN33" s="428"/>
      <c r="AO33" s="427" t="s">
        <v>197</v>
      </c>
      <c r="AP33" s="427"/>
      <c r="AQ33" s="427"/>
      <c r="AR33" s="427"/>
      <c r="AS33" s="427"/>
      <c r="AT33" s="427"/>
      <c r="AU33" s="427"/>
      <c r="AV33" s="427"/>
      <c r="AW33" s="427"/>
      <c r="AX33" s="427"/>
      <c r="AY33" s="427"/>
      <c r="AZ33" s="427"/>
      <c r="BA33" s="427"/>
      <c r="BB33" s="427"/>
      <c r="BC33" s="427"/>
      <c r="BD33" s="216"/>
      <c r="BE33" s="427" t="s">
        <v>199</v>
      </c>
      <c r="BF33" s="427"/>
      <c r="BG33" s="427" t="s">
        <v>200</v>
      </c>
      <c r="BH33" s="427"/>
      <c r="BI33" s="427"/>
      <c r="BJ33" s="427"/>
      <c r="BK33" s="427"/>
      <c r="BL33" s="427"/>
      <c r="BM33" s="427"/>
      <c r="BN33" s="427"/>
      <c r="BO33" s="427"/>
      <c r="BP33" s="427"/>
      <c r="BQ33" s="427"/>
      <c r="BR33" s="427"/>
      <c r="BS33" s="427"/>
      <c r="BT33" s="427"/>
      <c r="BU33" s="427"/>
      <c r="BV33" s="216"/>
      <c r="BW33" s="428" t="s">
        <v>199</v>
      </c>
      <c r="BX33" s="428"/>
      <c r="BY33" s="427" t="s">
        <v>201</v>
      </c>
      <c r="BZ33" s="427"/>
      <c r="CA33" s="427"/>
      <c r="CB33" s="427"/>
      <c r="CC33" s="427"/>
      <c r="CD33" s="427"/>
      <c r="CE33" s="427"/>
      <c r="CF33" s="427"/>
      <c r="CG33" s="427"/>
      <c r="CH33" s="427"/>
      <c r="CI33" s="427"/>
      <c r="CJ33" s="427"/>
      <c r="CK33" s="427"/>
      <c r="CL33" s="427"/>
      <c r="CM33" s="427"/>
      <c r="CN33" s="215"/>
      <c r="CO33" s="428" t="s">
        <v>196</v>
      </c>
      <c r="CP33" s="428"/>
      <c r="CQ33" s="427" t="s">
        <v>202</v>
      </c>
      <c r="CR33" s="427"/>
      <c r="CS33" s="427"/>
      <c r="CT33" s="427"/>
      <c r="CU33" s="427"/>
      <c r="CV33" s="427"/>
      <c r="CW33" s="427"/>
      <c r="CX33" s="427"/>
      <c r="CY33" s="427"/>
      <c r="CZ33" s="427"/>
      <c r="DA33" s="427"/>
      <c r="DB33" s="427"/>
      <c r="DC33" s="427"/>
      <c r="DD33" s="427"/>
      <c r="DE33" s="427"/>
      <c r="DF33" s="215"/>
      <c r="DG33" s="426" t="s">
        <v>203</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8</v>
      </c>
      <c r="V34" s="424"/>
      <c r="W34" s="423" t="str">
        <f>IF('各会計、関係団体の財政状況及び健全化判断比率'!B28="","",'各会計、関係団体の財政状況及び健全化判断比率'!B28)</f>
        <v>競輪事業特別会計</v>
      </c>
      <c r="X34" s="423"/>
      <c r="Y34" s="423"/>
      <c r="Z34" s="423"/>
      <c r="AA34" s="423"/>
      <c r="AB34" s="423"/>
      <c r="AC34" s="423"/>
      <c r="AD34" s="423"/>
      <c r="AE34" s="423"/>
      <c r="AF34" s="423"/>
      <c r="AG34" s="423"/>
      <c r="AH34" s="423"/>
      <c r="AI34" s="423"/>
      <c r="AJ34" s="423"/>
      <c r="AK34" s="423"/>
      <c r="AL34" s="213"/>
      <c r="AM34" s="424">
        <f>IF(AO34="","",MAX(C34:D43,U34:V43)+1)</f>
        <v>12</v>
      </c>
      <c r="AN34" s="424"/>
      <c r="AO34" s="423" t="str">
        <f>IF('各会計、関係団体の財政状況及び健全化判断比率'!B32="","",'各会計、関係団体の財政状況及び健全化判断比率'!B32)</f>
        <v>病院事業会計</v>
      </c>
      <c r="AP34" s="423"/>
      <c r="AQ34" s="423"/>
      <c r="AR34" s="423"/>
      <c r="AS34" s="423"/>
      <c r="AT34" s="423"/>
      <c r="AU34" s="423"/>
      <c r="AV34" s="423"/>
      <c r="AW34" s="423"/>
      <c r="AX34" s="423"/>
      <c r="AY34" s="423"/>
      <c r="AZ34" s="423"/>
      <c r="BA34" s="423"/>
      <c r="BB34" s="423"/>
      <c r="BC34" s="423"/>
      <c r="BD34" s="213"/>
      <c r="BE34" s="424">
        <f>IF(BG34="","",MAX(C34:D43,U34:V43,AM34:AN43)+1)</f>
        <v>17</v>
      </c>
      <c r="BF34" s="424"/>
      <c r="BG34" s="423" t="str">
        <f>IF('各会計、関係団体の財政状況及び健全化判断比率'!B37="","",'各会計、関係団体の財政状況及び健全化判断比率'!B37)</f>
        <v>卸売市場事業特別会計</v>
      </c>
      <c r="BH34" s="423"/>
      <c r="BI34" s="423"/>
      <c r="BJ34" s="423"/>
      <c r="BK34" s="423"/>
      <c r="BL34" s="423"/>
      <c r="BM34" s="423"/>
      <c r="BN34" s="423"/>
      <c r="BO34" s="423"/>
      <c r="BP34" s="423"/>
      <c r="BQ34" s="423"/>
      <c r="BR34" s="423"/>
      <c r="BS34" s="423"/>
      <c r="BT34" s="423"/>
      <c r="BU34" s="423"/>
      <c r="BV34" s="213"/>
      <c r="BW34" s="424">
        <f>IF(BY34="","",MAX(C34:D43,U34:V43,AM34:AN43,BE34:BF43)+1)</f>
        <v>20</v>
      </c>
      <c r="BX34" s="424"/>
      <c r="BY34" s="423" t="str">
        <f>IF('各会計、関係団体の財政状況及び健全化判断比率'!B68="","",'各会計、関係団体の財政状況及び健全化判断比率'!B68)</f>
        <v>神奈川県川崎競馬組合</v>
      </c>
      <c r="BZ34" s="423"/>
      <c r="CA34" s="423"/>
      <c r="CB34" s="423"/>
      <c r="CC34" s="423"/>
      <c r="CD34" s="423"/>
      <c r="CE34" s="423"/>
      <c r="CF34" s="423"/>
      <c r="CG34" s="423"/>
      <c r="CH34" s="423"/>
      <c r="CI34" s="423"/>
      <c r="CJ34" s="423"/>
      <c r="CK34" s="423"/>
      <c r="CL34" s="423"/>
      <c r="CM34" s="423"/>
      <c r="CN34" s="213"/>
      <c r="CO34" s="424">
        <f>IF(CQ34="","",MAX(C34:D43,U34:V43,AM34:AN43,BE34:BF43,BW34:BX43)+1)</f>
        <v>24</v>
      </c>
      <c r="CP34" s="424"/>
      <c r="CQ34" s="423" t="str">
        <f>IF('各会計、関係団体の財政状況及び健全化判断比率'!BS7="","",'各会計、関係団体の財政状況及び健全化判断比率'!BS7)</f>
        <v>かわさき市民放送</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
      </c>
      <c r="DH34" s="425"/>
      <c r="DI34" s="217"/>
      <c r="DJ34" s="185"/>
      <c r="DK34" s="185"/>
      <c r="DL34" s="185"/>
      <c r="DM34" s="185"/>
      <c r="DN34" s="185"/>
      <c r="DO34" s="185"/>
    </row>
    <row r="35" spans="1:119" ht="32.25" customHeight="1" x14ac:dyDescent="0.2">
      <c r="A35" s="186"/>
      <c r="B35" s="212"/>
      <c r="C35" s="424">
        <f>IF(E35="","",C34+1)</f>
        <v>2</v>
      </c>
      <c r="D35" s="424"/>
      <c r="E35" s="423" t="str">
        <f>IF('各会計、関係団体の財政状況及び健全化判断比率'!B8="","",'各会計、関係団体の財政状況及び健全化判断比率'!B8)</f>
        <v>母子父子寡婦福祉資金貸付事業特別会計</v>
      </c>
      <c r="F35" s="423"/>
      <c r="G35" s="423"/>
      <c r="H35" s="423"/>
      <c r="I35" s="423"/>
      <c r="J35" s="423"/>
      <c r="K35" s="423"/>
      <c r="L35" s="423"/>
      <c r="M35" s="423"/>
      <c r="N35" s="423"/>
      <c r="O35" s="423"/>
      <c r="P35" s="423"/>
      <c r="Q35" s="423"/>
      <c r="R35" s="423"/>
      <c r="S35" s="423"/>
      <c r="T35" s="213"/>
      <c r="U35" s="424">
        <f>IF(W35="","",U34+1)</f>
        <v>9</v>
      </c>
      <c r="V35" s="424"/>
      <c r="W35" s="423" t="str">
        <f>IF('各会計、関係団体の財政状況及び健全化判断比率'!B29="","",'各会計、関係団体の財政状況及び健全化判断比率'!B29)</f>
        <v>国民健康保険事業特別会計</v>
      </c>
      <c r="X35" s="423"/>
      <c r="Y35" s="423"/>
      <c r="Z35" s="423"/>
      <c r="AA35" s="423"/>
      <c r="AB35" s="423"/>
      <c r="AC35" s="423"/>
      <c r="AD35" s="423"/>
      <c r="AE35" s="423"/>
      <c r="AF35" s="423"/>
      <c r="AG35" s="423"/>
      <c r="AH35" s="423"/>
      <c r="AI35" s="423"/>
      <c r="AJ35" s="423"/>
      <c r="AK35" s="423"/>
      <c r="AL35" s="213"/>
      <c r="AM35" s="424">
        <f t="shared" ref="AM35:AM43" si="0">IF(AO35="","",AM34+1)</f>
        <v>13</v>
      </c>
      <c r="AN35" s="424"/>
      <c r="AO35" s="423" t="str">
        <f>IF('各会計、関係団体の財政状況及び健全化判断比率'!B33="","",'各会計、関係団体の財政状況及び健全化判断比率'!B33)</f>
        <v>下水道事業会計</v>
      </c>
      <c r="AP35" s="423"/>
      <c r="AQ35" s="423"/>
      <c r="AR35" s="423"/>
      <c r="AS35" s="423"/>
      <c r="AT35" s="423"/>
      <c r="AU35" s="423"/>
      <c r="AV35" s="423"/>
      <c r="AW35" s="423"/>
      <c r="AX35" s="423"/>
      <c r="AY35" s="423"/>
      <c r="AZ35" s="423"/>
      <c r="BA35" s="423"/>
      <c r="BB35" s="423"/>
      <c r="BC35" s="423"/>
      <c r="BD35" s="213"/>
      <c r="BE35" s="424">
        <f t="shared" ref="BE35:BE43" si="1">IF(BG35="","",BE34+1)</f>
        <v>18</v>
      </c>
      <c r="BF35" s="424"/>
      <c r="BG35" s="423" t="str">
        <f>IF('各会計、関係団体の財政状況及び健全化判断比率'!B38="","",'各会計、関係団体の財政状況及び健全化判断比率'!B38)</f>
        <v>港湾整備事業特別会計</v>
      </c>
      <c r="BH35" s="423"/>
      <c r="BI35" s="423"/>
      <c r="BJ35" s="423"/>
      <c r="BK35" s="423"/>
      <c r="BL35" s="423"/>
      <c r="BM35" s="423"/>
      <c r="BN35" s="423"/>
      <c r="BO35" s="423"/>
      <c r="BP35" s="423"/>
      <c r="BQ35" s="423"/>
      <c r="BR35" s="423"/>
      <c r="BS35" s="423"/>
      <c r="BT35" s="423"/>
      <c r="BU35" s="423"/>
      <c r="BV35" s="213"/>
      <c r="BW35" s="424">
        <f t="shared" ref="BW35:BW43" si="2">IF(BY35="","",BW34+1)</f>
        <v>21</v>
      </c>
      <c r="BX35" s="424"/>
      <c r="BY35" s="423" t="str">
        <f>IF('各会計、関係団体の財政状況及び健全化判断比率'!B69="","",'各会計、関係団体の財政状況及び健全化判断比率'!B69)</f>
        <v>神奈川県内広域水道企業団</v>
      </c>
      <c r="BZ35" s="423"/>
      <c r="CA35" s="423"/>
      <c r="CB35" s="423"/>
      <c r="CC35" s="423"/>
      <c r="CD35" s="423"/>
      <c r="CE35" s="423"/>
      <c r="CF35" s="423"/>
      <c r="CG35" s="423"/>
      <c r="CH35" s="423"/>
      <c r="CI35" s="423"/>
      <c r="CJ35" s="423"/>
      <c r="CK35" s="423"/>
      <c r="CL35" s="423"/>
      <c r="CM35" s="423"/>
      <c r="CN35" s="213"/>
      <c r="CO35" s="424">
        <f t="shared" ref="CO35:CO43" si="3">IF(CQ35="","",CO34+1)</f>
        <v>25</v>
      </c>
      <c r="CP35" s="424"/>
      <c r="CQ35" s="423" t="str">
        <f>IF('各会計、関係団体の財政状況及び健全化判断比率'!BS8="","",'各会計、関係団体の財政状況及び健全化判断比率'!BS8)</f>
        <v>川崎市土地開発公社</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f>IF(E36="","",C35+1)</f>
        <v>3</v>
      </c>
      <c r="D36" s="424"/>
      <c r="E36" s="423" t="str">
        <f>IF('各会計、関係団体の財政状況及び健全化判断比率'!B9="","",'各会計、関係団体の財政状況及び健全化判断比率'!B9)</f>
        <v>公害健康被害補償事業特別会計</v>
      </c>
      <c r="F36" s="423"/>
      <c r="G36" s="423"/>
      <c r="H36" s="423"/>
      <c r="I36" s="423"/>
      <c r="J36" s="423"/>
      <c r="K36" s="423"/>
      <c r="L36" s="423"/>
      <c r="M36" s="423"/>
      <c r="N36" s="423"/>
      <c r="O36" s="423"/>
      <c r="P36" s="423"/>
      <c r="Q36" s="423"/>
      <c r="R36" s="423"/>
      <c r="S36" s="423"/>
      <c r="T36" s="213"/>
      <c r="U36" s="424">
        <f t="shared" ref="U36:U43" si="4">IF(W36="","",U35+1)</f>
        <v>10</v>
      </c>
      <c r="V36" s="424"/>
      <c r="W36" s="423" t="str">
        <f>IF('各会計、関係団体の財政状況及び健全化判断比率'!B30="","",'各会計、関係団体の財政状況及び健全化判断比率'!B30)</f>
        <v>後期高齢者医療事業特別会計</v>
      </c>
      <c r="X36" s="423"/>
      <c r="Y36" s="423"/>
      <c r="Z36" s="423"/>
      <c r="AA36" s="423"/>
      <c r="AB36" s="423"/>
      <c r="AC36" s="423"/>
      <c r="AD36" s="423"/>
      <c r="AE36" s="423"/>
      <c r="AF36" s="423"/>
      <c r="AG36" s="423"/>
      <c r="AH36" s="423"/>
      <c r="AI36" s="423"/>
      <c r="AJ36" s="423"/>
      <c r="AK36" s="423"/>
      <c r="AL36" s="213"/>
      <c r="AM36" s="424">
        <f t="shared" si="0"/>
        <v>14</v>
      </c>
      <c r="AN36" s="424"/>
      <c r="AO36" s="423" t="str">
        <f>IF('各会計、関係団体の財政状況及び健全化判断比率'!B34="","",'各会計、関係団体の財政状況及び健全化判断比率'!B34)</f>
        <v>水道事業会計</v>
      </c>
      <c r="AP36" s="423"/>
      <c r="AQ36" s="423"/>
      <c r="AR36" s="423"/>
      <c r="AS36" s="423"/>
      <c r="AT36" s="423"/>
      <c r="AU36" s="423"/>
      <c r="AV36" s="423"/>
      <c r="AW36" s="423"/>
      <c r="AX36" s="423"/>
      <c r="AY36" s="423"/>
      <c r="AZ36" s="423"/>
      <c r="BA36" s="423"/>
      <c r="BB36" s="423"/>
      <c r="BC36" s="423"/>
      <c r="BD36" s="213"/>
      <c r="BE36" s="424">
        <f t="shared" si="1"/>
        <v>19</v>
      </c>
      <c r="BF36" s="424"/>
      <c r="BG36" s="423" t="str">
        <f>IF('各会計、関係団体の財政状況及び健全化判断比率'!B39="","",'各会計、関係団体の財政状況及び健全化判断比率'!B39)</f>
        <v>生田緑地ゴルフ場事業特別会計</v>
      </c>
      <c r="BH36" s="423"/>
      <c r="BI36" s="423"/>
      <c r="BJ36" s="423"/>
      <c r="BK36" s="423"/>
      <c r="BL36" s="423"/>
      <c r="BM36" s="423"/>
      <c r="BN36" s="423"/>
      <c r="BO36" s="423"/>
      <c r="BP36" s="423"/>
      <c r="BQ36" s="423"/>
      <c r="BR36" s="423"/>
      <c r="BS36" s="423"/>
      <c r="BT36" s="423"/>
      <c r="BU36" s="423"/>
      <c r="BV36" s="213"/>
      <c r="BW36" s="424">
        <f t="shared" si="2"/>
        <v>22</v>
      </c>
      <c r="BX36" s="424"/>
      <c r="BY36" s="423" t="str">
        <f>IF('各会計、関係団体の財政状況及び健全化判断比率'!B70="","",'各会計、関係団体の財政状況及び健全化判断比率'!B70)</f>
        <v>神奈川県後期高齢者医療広域連合
（一般会計）</v>
      </c>
      <c r="BZ36" s="423"/>
      <c r="CA36" s="423"/>
      <c r="CB36" s="423"/>
      <c r="CC36" s="423"/>
      <c r="CD36" s="423"/>
      <c r="CE36" s="423"/>
      <c r="CF36" s="423"/>
      <c r="CG36" s="423"/>
      <c r="CH36" s="423"/>
      <c r="CI36" s="423"/>
      <c r="CJ36" s="423"/>
      <c r="CK36" s="423"/>
      <c r="CL36" s="423"/>
      <c r="CM36" s="423"/>
      <c r="CN36" s="213"/>
      <c r="CO36" s="424">
        <f t="shared" si="3"/>
        <v>26</v>
      </c>
      <c r="CP36" s="424"/>
      <c r="CQ36" s="423" t="str">
        <f>IF('各会計、関係団体の財政状況及び健全化判断比率'!BS9="","",'各会計、関係団体の財政状況及び健全化判断比率'!BS9)</f>
        <v>川崎市文化財団</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f>IF(E37="","",C36+1)</f>
        <v>4</v>
      </c>
      <c r="D37" s="424"/>
      <c r="E37" s="423" t="str">
        <f>IF('各会計、関係団体の財政状況及び健全化判断比率'!B10="","",'各会計、関係団体の財政状況及び健全化判断比率'!B10)</f>
        <v>勤労者福祉共済事業特別会計</v>
      </c>
      <c r="F37" s="423"/>
      <c r="G37" s="423"/>
      <c r="H37" s="423"/>
      <c r="I37" s="423"/>
      <c r="J37" s="423"/>
      <c r="K37" s="423"/>
      <c r="L37" s="423"/>
      <c r="M37" s="423"/>
      <c r="N37" s="423"/>
      <c r="O37" s="423"/>
      <c r="P37" s="423"/>
      <c r="Q37" s="423"/>
      <c r="R37" s="423"/>
      <c r="S37" s="423"/>
      <c r="T37" s="213"/>
      <c r="U37" s="424">
        <f t="shared" si="4"/>
        <v>11</v>
      </c>
      <c r="V37" s="424"/>
      <c r="W37" s="423" t="str">
        <f>IF('各会計、関係団体の財政状況及び健全化判断比率'!B31="","",'各会計、関係団体の財政状況及び健全化判断比率'!B31)</f>
        <v>介護保険事業特別会計</v>
      </c>
      <c r="X37" s="423"/>
      <c r="Y37" s="423"/>
      <c r="Z37" s="423"/>
      <c r="AA37" s="423"/>
      <c r="AB37" s="423"/>
      <c r="AC37" s="423"/>
      <c r="AD37" s="423"/>
      <c r="AE37" s="423"/>
      <c r="AF37" s="423"/>
      <c r="AG37" s="423"/>
      <c r="AH37" s="423"/>
      <c r="AI37" s="423"/>
      <c r="AJ37" s="423"/>
      <c r="AK37" s="423"/>
      <c r="AL37" s="213"/>
      <c r="AM37" s="424">
        <f t="shared" si="0"/>
        <v>15</v>
      </c>
      <c r="AN37" s="424"/>
      <c r="AO37" s="423" t="str">
        <f>IF('各会計、関係団体の財政状況及び健全化判断比率'!B35="","",'各会計、関係団体の財政状況及び健全化判断比率'!B35)</f>
        <v>工業用水道事業会計</v>
      </c>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23</v>
      </c>
      <c r="BX37" s="424"/>
      <c r="BY37" s="423" t="str">
        <f>IF('各会計、関係団体の財政状況及び健全化判断比率'!B71="","",'各会計、関係団体の財政状況及び健全化判断比率'!B71)</f>
        <v>神奈川県後期高齢者医療広域連合
（後期高齢者医療特別会計）</v>
      </c>
      <c r="BZ37" s="423"/>
      <c r="CA37" s="423"/>
      <c r="CB37" s="423"/>
      <c r="CC37" s="423"/>
      <c r="CD37" s="423"/>
      <c r="CE37" s="423"/>
      <c r="CF37" s="423"/>
      <c r="CG37" s="423"/>
      <c r="CH37" s="423"/>
      <c r="CI37" s="423"/>
      <c r="CJ37" s="423"/>
      <c r="CK37" s="423"/>
      <c r="CL37" s="423"/>
      <c r="CM37" s="423"/>
      <c r="CN37" s="213"/>
      <c r="CO37" s="424">
        <f t="shared" si="3"/>
        <v>27</v>
      </c>
      <c r="CP37" s="424"/>
      <c r="CQ37" s="423" t="str">
        <f>IF('各会計、関係団体の財政状況及び健全化判断比率'!BS10="","",'各会計、関係団体の財政状況及び健全化判断比率'!BS10)</f>
        <v>川崎市国際交流協会</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f t="shared" ref="C38:C43" si="5">IF(E38="","",C37+1)</f>
        <v>5</v>
      </c>
      <c r="D38" s="424"/>
      <c r="E38" s="423" t="str">
        <f>IF('各会計、関係団体の財政状況及び健全化判断比率'!B11="","",'各会計、関係団体の財政状況及び健全化判断比率'!B11)</f>
        <v>墓地整備事業特別会計</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f t="shared" si="0"/>
        <v>16</v>
      </c>
      <c r="AN38" s="424"/>
      <c r="AO38" s="423" t="str">
        <f>IF('各会計、関係団体の財政状況及び健全化判断比率'!B36="","",'各会計、関係団体の財政状況及び健全化判断比率'!B36)</f>
        <v>自動車運送事業会計</v>
      </c>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t="str">
        <f t="shared" si="2"/>
        <v/>
      </c>
      <c r="BX38" s="424"/>
      <c r="BY38" s="423" t="str">
        <f>IF('各会計、関係団体の財政状況及び健全化判断比率'!B72="","",'各会計、関係団体の財政状況及び健全化判断比率'!B72)</f>
        <v/>
      </c>
      <c r="BZ38" s="423"/>
      <c r="CA38" s="423"/>
      <c r="CB38" s="423"/>
      <c r="CC38" s="423"/>
      <c r="CD38" s="423"/>
      <c r="CE38" s="423"/>
      <c r="CF38" s="423"/>
      <c r="CG38" s="423"/>
      <c r="CH38" s="423"/>
      <c r="CI38" s="423"/>
      <c r="CJ38" s="423"/>
      <c r="CK38" s="423"/>
      <c r="CL38" s="423"/>
      <c r="CM38" s="423"/>
      <c r="CN38" s="213"/>
      <c r="CO38" s="424">
        <f t="shared" si="3"/>
        <v>28</v>
      </c>
      <c r="CP38" s="424"/>
      <c r="CQ38" s="423" t="str">
        <f>IF('各会計、関係団体の財政状況及び健全化判断比率'!BS11="","",'各会計、関係団体の財政状況及び健全化判断比率'!BS11)</f>
        <v>川崎市スポーツ協会</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f t="shared" si="5"/>
        <v>6</v>
      </c>
      <c r="D39" s="424"/>
      <c r="E39" s="423" t="str">
        <f>IF('各会計、関係団体の財政状況及び健全化判断比率'!B12="","",'各会計、関係団体の財政状況及び健全化判断比率'!B12)</f>
        <v>公共用地先行取得等事業特別会計</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f t="shared" si="3"/>
        <v>29</v>
      </c>
      <c r="CP39" s="424"/>
      <c r="CQ39" s="423" t="str">
        <f>IF('各会計、関係団体の財政状況及び健全化判断比率'!BS12="","",'各会計、関係団体の財政状況及び健全化判断比率'!BS12)</f>
        <v>川崎アゼリア</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f t="shared" si="5"/>
        <v>7</v>
      </c>
      <c r="D40" s="424"/>
      <c r="E40" s="423" t="str">
        <f>IF('各会計、関係団体の財政状況及び健全化判断比率'!B13="","",'各会計、関係団体の財政状況及び健全化判断比率'!B13)</f>
        <v>公債管理特別会計</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f t="shared" si="3"/>
        <v>30</v>
      </c>
      <c r="CP40" s="424"/>
      <c r="CQ40" s="423" t="str">
        <f>IF('各会計、関係団体の財政状況及び健全化判断比率'!BS13="","",'各会計、関係団体の財政状況及び健全化判断比率'!BS13)</f>
        <v>川崎冷蔵</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f t="shared" si="3"/>
        <v>31</v>
      </c>
      <c r="CP41" s="424"/>
      <c r="CQ41" s="423" t="str">
        <f>IF('各会計、関係団体の財政状況及び健全化判断比率'!BS14="","",'各会計、関係団体の財政状況及び健全化判断比率'!BS14)</f>
        <v>川崎市産業振興財団</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f t="shared" si="3"/>
        <v>32</v>
      </c>
      <c r="CP42" s="424"/>
      <c r="CQ42" s="423" t="str">
        <f>IF('各会計、関係団体の財政状況及び健全化判断比率'!BS15="","",'各会計、関係団体の財政状況及び健全化判断比率'!BS15)</f>
        <v>川崎・横浜公害保健センター</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f t="shared" si="3"/>
        <v>33</v>
      </c>
      <c r="CP43" s="424"/>
      <c r="CQ43" s="423" t="str">
        <f>IF('各会計、関係団体の財政状況及び健全化判断比率'!BS16="","",'各会計、関係団体の財政状況及び健全化判断比率'!BS16)</f>
        <v>川崎市シルバー人材センター</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4</v>
      </c>
      <c r="C46" s="185"/>
      <c r="D46" s="185"/>
      <c r="E46" s="185" t="s">
        <v>205</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6</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7</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8</v>
      </c>
    </row>
    <row r="50" spans="5:5" x14ac:dyDescent="0.2">
      <c r="E50" s="187" t="s">
        <v>209</v>
      </c>
    </row>
    <row r="51" spans="5:5" x14ac:dyDescent="0.2">
      <c r="E51" s="187" t="s">
        <v>210</v>
      </c>
    </row>
    <row r="52" spans="5:5" x14ac:dyDescent="0.2">
      <c r="E52" s="187" t="s">
        <v>211</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Z1X3a1X2bkfd1zRqolyiD79FHcQAs14831/lKH1qJp9evUISnibdKov+Uo9cwET2yDnMlxTzExkT0Q8NRCvuyg==" saltValue="0wCmeNxZl7GsgXNrWYR6p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75</v>
      </c>
      <c r="G33" s="29" t="s">
        <v>576</v>
      </c>
      <c r="H33" s="29" t="s">
        <v>577</v>
      </c>
      <c r="I33" s="29" t="s">
        <v>578</v>
      </c>
      <c r="J33" s="30" t="s">
        <v>579</v>
      </c>
      <c r="K33" s="22"/>
      <c r="L33" s="22"/>
      <c r="M33" s="22"/>
      <c r="N33" s="22"/>
      <c r="O33" s="22"/>
      <c r="P33" s="22"/>
    </row>
    <row r="34" spans="1:16" ht="39" customHeight="1" x14ac:dyDescent="0.2">
      <c r="A34" s="22"/>
      <c r="B34" s="31"/>
      <c r="C34" s="1244" t="s">
        <v>580</v>
      </c>
      <c r="D34" s="1244"/>
      <c r="E34" s="1245"/>
      <c r="F34" s="32">
        <v>3.35</v>
      </c>
      <c r="G34" s="33">
        <v>3.13</v>
      </c>
      <c r="H34" s="33">
        <v>3.56</v>
      </c>
      <c r="I34" s="33">
        <v>3.08</v>
      </c>
      <c r="J34" s="34">
        <v>3.87</v>
      </c>
      <c r="K34" s="22"/>
      <c r="L34" s="22"/>
      <c r="M34" s="22"/>
      <c r="N34" s="22"/>
      <c r="O34" s="22"/>
      <c r="P34" s="22"/>
    </row>
    <row r="35" spans="1:16" ht="39" customHeight="1" x14ac:dyDescent="0.2">
      <c r="A35" s="22"/>
      <c r="B35" s="35"/>
      <c r="C35" s="1238" t="s">
        <v>581</v>
      </c>
      <c r="D35" s="1239"/>
      <c r="E35" s="1240"/>
      <c r="F35" s="36">
        <v>1.39</v>
      </c>
      <c r="G35" s="37">
        <v>1.47</v>
      </c>
      <c r="H35" s="37">
        <v>2.13</v>
      </c>
      <c r="I35" s="37">
        <v>2.5</v>
      </c>
      <c r="J35" s="38">
        <v>3.07</v>
      </c>
      <c r="K35" s="22"/>
      <c r="L35" s="22"/>
      <c r="M35" s="22"/>
      <c r="N35" s="22"/>
      <c r="O35" s="22"/>
      <c r="P35" s="22"/>
    </row>
    <row r="36" spans="1:16" ht="39" customHeight="1" x14ac:dyDescent="0.2">
      <c r="A36" s="22"/>
      <c r="B36" s="35"/>
      <c r="C36" s="1238" t="s">
        <v>582</v>
      </c>
      <c r="D36" s="1239"/>
      <c r="E36" s="1240"/>
      <c r="F36" s="36">
        <v>2.54</v>
      </c>
      <c r="G36" s="37">
        <v>2.42</v>
      </c>
      <c r="H36" s="37">
        <v>2</v>
      </c>
      <c r="I36" s="37">
        <v>2.08</v>
      </c>
      <c r="J36" s="38">
        <v>2.27</v>
      </c>
      <c r="K36" s="22"/>
      <c r="L36" s="22"/>
      <c r="M36" s="22"/>
      <c r="N36" s="22"/>
      <c r="O36" s="22"/>
      <c r="P36" s="22"/>
    </row>
    <row r="37" spans="1:16" ht="39" customHeight="1" x14ac:dyDescent="0.2">
      <c r="A37" s="22"/>
      <c r="B37" s="35"/>
      <c r="C37" s="1238" t="s">
        <v>583</v>
      </c>
      <c r="D37" s="1239"/>
      <c r="E37" s="1240"/>
      <c r="F37" s="36">
        <v>1.65</v>
      </c>
      <c r="G37" s="37">
        <v>1.49</v>
      </c>
      <c r="H37" s="37">
        <v>1.04</v>
      </c>
      <c r="I37" s="37">
        <v>0.51</v>
      </c>
      <c r="J37" s="38">
        <v>0.5</v>
      </c>
      <c r="K37" s="22"/>
      <c r="L37" s="22"/>
      <c r="M37" s="22"/>
      <c r="N37" s="22"/>
      <c r="O37" s="22"/>
      <c r="P37" s="22"/>
    </row>
    <row r="38" spans="1:16" ht="39" customHeight="1" x14ac:dyDescent="0.2">
      <c r="A38" s="22"/>
      <c r="B38" s="35"/>
      <c r="C38" s="1238" t="s">
        <v>584</v>
      </c>
      <c r="D38" s="1239"/>
      <c r="E38" s="1240"/>
      <c r="F38" s="36">
        <v>0.12</v>
      </c>
      <c r="G38" s="37">
        <v>0</v>
      </c>
      <c r="H38" s="37">
        <v>0</v>
      </c>
      <c r="I38" s="37">
        <v>0</v>
      </c>
      <c r="J38" s="38">
        <v>0.48</v>
      </c>
      <c r="K38" s="22"/>
      <c r="L38" s="22"/>
      <c r="M38" s="22"/>
      <c r="N38" s="22"/>
      <c r="O38" s="22"/>
      <c r="P38" s="22"/>
    </row>
    <row r="39" spans="1:16" ht="39" customHeight="1" x14ac:dyDescent="0.2">
      <c r="A39" s="22"/>
      <c r="B39" s="35"/>
      <c r="C39" s="1238" t="s">
        <v>585</v>
      </c>
      <c r="D39" s="1239"/>
      <c r="E39" s="1240"/>
      <c r="F39" s="36">
        <v>0.09</v>
      </c>
      <c r="G39" s="37">
        <v>0.31</v>
      </c>
      <c r="H39" s="37">
        <v>0.55000000000000004</v>
      </c>
      <c r="I39" s="37">
        <v>0.12</v>
      </c>
      <c r="J39" s="38">
        <v>0.19</v>
      </c>
      <c r="K39" s="22"/>
      <c r="L39" s="22"/>
      <c r="M39" s="22"/>
      <c r="N39" s="22"/>
      <c r="O39" s="22"/>
      <c r="P39" s="22"/>
    </row>
    <row r="40" spans="1:16" ht="39" customHeight="1" x14ac:dyDescent="0.2">
      <c r="A40" s="22"/>
      <c r="B40" s="35"/>
      <c r="C40" s="1238" t="s">
        <v>586</v>
      </c>
      <c r="D40" s="1239"/>
      <c r="E40" s="1240"/>
      <c r="F40" s="36">
        <v>0.03</v>
      </c>
      <c r="G40" s="37">
        <v>0.04</v>
      </c>
      <c r="H40" s="37">
        <v>7.0000000000000007E-2</v>
      </c>
      <c r="I40" s="37">
        <v>0.1</v>
      </c>
      <c r="J40" s="38">
        <v>7.0000000000000007E-2</v>
      </c>
      <c r="K40" s="22"/>
      <c r="L40" s="22"/>
      <c r="M40" s="22"/>
      <c r="N40" s="22"/>
      <c r="O40" s="22"/>
      <c r="P40" s="22"/>
    </row>
    <row r="41" spans="1:16" ht="39" customHeight="1" x14ac:dyDescent="0.2">
      <c r="A41" s="22"/>
      <c r="B41" s="35"/>
      <c r="C41" s="1238" t="s">
        <v>587</v>
      </c>
      <c r="D41" s="1239"/>
      <c r="E41" s="1240"/>
      <c r="F41" s="36">
        <v>0.05</v>
      </c>
      <c r="G41" s="37">
        <v>0.06</v>
      </c>
      <c r="H41" s="37">
        <v>0.06</v>
      </c>
      <c r="I41" s="37">
        <v>0.05</v>
      </c>
      <c r="J41" s="38">
        <v>0.05</v>
      </c>
      <c r="K41" s="22"/>
      <c r="L41" s="22"/>
      <c r="M41" s="22"/>
      <c r="N41" s="22"/>
      <c r="O41" s="22"/>
      <c r="P41" s="22"/>
    </row>
    <row r="42" spans="1:16" ht="39" customHeight="1" x14ac:dyDescent="0.2">
      <c r="A42" s="22"/>
      <c r="B42" s="39"/>
      <c r="C42" s="1238" t="s">
        <v>588</v>
      </c>
      <c r="D42" s="1239"/>
      <c r="E42" s="1240"/>
      <c r="F42" s="36" t="s">
        <v>589</v>
      </c>
      <c r="G42" s="37" t="s">
        <v>534</v>
      </c>
      <c r="H42" s="37" t="s">
        <v>534</v>
      </c>
      <c r="I42" s="37" t="s">
        <v>590</v>
      </c>
      <c r="J42" s="38" t="s">
        <v>534</v>
      </c>
      <c r="K42" s="22"/>
      <c r="L42" s="22"/>
      <c r="M42" s="22"/>
      <c r="N42" s="22"/>
      <c r="O42" s="22"/>
      <c r="P42" s="22"/>
    </row>
    <row r="43" spans="1:16" ht="39" customHeight="1" thickBot="1" x14ac:dyDescent="0.25">
      <c r="A43" s="22"/>
      <c r="B43" s="40"/>
      <c r="C43" s="1241" t="s">
        <v>591</v>
      </c>
      <c r="D43" s="1242"/>
      <c r="E43" s="1243"/>
      <c r="F43" s="41">
        <v>0.13</v>
      </c>
      <c r="G43" s="42">
        <v>0.15</v>
      </c>
      <c r="H43" s="42">
        <v>0.16</v>
      </c>
      <c r="I43" s="42">
        <v>0.12</v>
      </c>
      <c r="J43" s="43">
        <v>0.09</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PjGcp1zTm4C/Iow7i+Y3NbOyyTPbxzn32Q146+EZT9g3HTTNLJ4FjkCPiBuK6FyDdAVhVtt54mok6ah0d6nAOQ==" saltValue="nUf6i864Z4tLBs4ZSp5iS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7"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75</v>
      </c>
      <c r="L44" s="56" t="s">
        <v>576</v>
      </c>
      <c r="M44" s="56" t="s">
        <v>577</v>
      </c>
      <c r="N44" s="56" t="s">
        <v>578</v>
      </c>
      <c r="O44" s="57" t="s">
        <v>579</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30074</v>
      </c>
      <c r="L45" s="60">
        <v>29722</v>
      </c>
      <c r="M45" s="60">
        <v>27659</v>
      </c>
      <c r="N45" s="60">
        <v>26574</v>
      </c>
      <c r="O45" s="61">
        <v>26386</v>
      </c>
      <c r="P45" s="48"/>
      <c r="Q45" s="48"/>
      <c r="R45" s="48"/>
      <c r="S45" s="48"/>
      <c r="T45" s="48"/>
      <c r="U45" s="48"/>
    </row>
    <row r="46" spans="1:21" ht="30.75" customHeight="1" x14ac:dyDescent="0.2">
      <c r="A46" s="48"/>
      <c r="B46" s="1266"/>
      <c r="C46" s="1267"/>
      <c r="D46" s="62"/>
      <c r="E46" s="1248" t="s">
        <v>13</v>
      </c>
      <c r="F46" s="1248"/>
      <c r="G46" s="1248"/>
      <c r="H46" s="1248"/>
      <c r="I46" s="1248"/>
      <c r="J46" s="1249"/>
      <c r="K46" s="63">
        <v>2098</v>
      </c>
      <c r="L46" s="64">
        <v>1356</v>
      </c>
      <c r="M46" s="64">
        <v>785</v>
      </c>
      <c r="N46" s="64">
        <v>831</v>
      </c>
      <c r="O46" s="65">
        <v>3071</v>
      </c>
      <c r="P46" s="48"/>
      <c r="Q46" s="48"/>
      <c r="R46" s="48"/>
      <c r="S46" s="48"/>
      <c r="T46" s="48"/>
      <c r="U46" s="48"/>
    </row>
    <row r="47" spans="1:21" ht="30.75" customHeight="1" x14ac:dyDescent="0.2">
      <c r="A47" s="48"/>
      <c r="B47" s="1266"/>
      <c r="C47" s="1267"/>
      <c r="D47" s="62"/>
      <c r="E47" s="1248" t="s">
        <v>14</v>
      </c>
      <c r="F47" s="1248"/>
      <c r="G47" s="1248"/>
      <c r="H47" s="1248"/>
      <c r="I47" s="1248"/>
      <c r="J47" s="1249"/>
      <c r="K47" s="63">
        <v>37529</v>
      </c>
      <c r="L47" s="64">
        <v>38323</v>
      </c>
      <c r="M47" s="64">
        <v>40690</v>
      </c>
      <c r="N47" s="64">
        <v>42112</v>
      </c>
      <c r="O47" s="65">
        <v>43035</v>
      </c>
      <c r="P47" s="48"/>
      <c r="Q47" s="48"/>
      <c r="R47" s="48"/>
      <c r="S47" s="48"/>
      <c r="T47" s="48"/>
      <c r="U47" s="48"/>
    </row>
    <row r="48" spans="1:21" ht="30.75" customHeight="1" x14ac:dyDescent="0.2">
      <c r="A48" s="48"/>
      <c r="B48" s="1266"/>
      <c r="C48" s="1267"/>
      <c r="D48" s="62"/>
      <c r="E48" s="1248" t="s">
        <v>15</v>
      </c>
      <c r="F48" s="1248"/>
      <c r="G48" s="1248"/>
      <c r="H48" s="1248"/>
      <c r="I48" s="1248"/>
      <c r="J48" s="1249"/>
      <c r="K48" s="63">
        <v>14318</v>
      </c>
      <c r="L48" s="64">
        <v>13520</v>
      </c>
      <c r="M48" s="64">
        <v>13622</v>
      </c>
      <c r="N48" s="64">
        <v>13192</v>
      </c>
      <c r="O48" s="65">
        <v>12613</v>
      </c>
      <c r="P48" s="48"/>
      <c r="Q48" s="48"/>
      <c r="R48" s="48"/>
      <c r="S48" s="48"/>
      <c r="T48" s="48"/>
      <c r="U48" s="48"/>
    </row>
    <row r="49" spans="1:21" ht="30.75" customHeight="1" x14ac:dyDescent="0.2">
      <c r="A49" s="48"/>
      <c r="B49" s="1266"/>
      <c r="C49" s="1267"/>
      <c r="D49" s="62"/>
      <c r="E49" s="1248" t="s">
        <v>16</v>
      </c>
      <c r="F49" s="1248"/>
      <c r="G49" s="1248"/>
      <c r="H49" s="1248"/>
      <c r="I49" s="1248"/>
      <c r="J49" s="1249"/>
      <c r="K49" s="63" t="s">
        <v>534</v>
      </c>
      <c r="L49" s="64" t="s">
        <v>534</v>
      </c>
      <c r="M49" s="64" t="s">
        <v>534</v>
      </c>
      <c r="N49" s="64" t="s">
        <v>534</v>
      </c>
      <c r="O49" s="65" t="s">
        <v>534</v>
      </c>
      <c r="P49" s="48"/>
      <c r="Q49" s="48"/>
      <c r="R49" s="48"/>
      <c r="S49" s="48"/>
      <c r="T49" s="48"/>
      <c r="U49" s="48"/>
    </row>
    <row r="50" spans="1:21" ht="30.75" customHeight="1" x14ac:dyDescent="0.2">
      <c r="A50" s="48"/>
      <c r="B50" s="1266"/>
      <c r="C50" s="1267"/>
      <c r="D50" s="62"/>
      <c r="E50" s="1248" t="s">
        <v>17</v>
      </c>
      <c r="F50" s="1248"/>
      <c r="G50" s="1248"/>
      <c r="H50" s="1248"/>
      <c r="I50" s="1248"/>
      <c r="J50" s="1249"/>
      <c r="K50" s="63">
        <v>938</v>
      </c>
      <c r="L50" s="64">
        <v>1670</v>
      </c>
      <c r="M50" s="64">
        <v>1175</v>
      </c>
      <c r="N50" s="64">
        <v>1124</v>
      </c>
      <c r="O50" s="65">
        <v>1779</v>
      </c>
      <c r="P50" s="48"/>
      <c r="Q50" s="48"/>
      <c r="R50" s="48"/>
      <c r="S50" s="48"/>
      <c r="T50" s="48"/>
      <c r="U50" s="48"/>
    </row>
    <row r="51" spans="1:21" ht="30.75" customHeight="1" x14ac:dyDescent="0.2">
      <c r="A51" s="48"/>
      <c r="B51" s="1268"/>
      <c r="C51" s="1269"/>
      <c r="D51" s="66"/>
      <c r="E51" s="1248" t="s">
        <v>18</v>
      </c>
      <c r="F51" s="1248"/>
      <c r="G51" s="1248"/>
      <c r="H51" s="1248"/>
      <c r="I51" s="1248"/>
      <c r="J51" s="1249"/>
      <c r="K51" s="63" t="s">
        <v>534</v>
      </c>
      <c r="L51" s="64" t="s">
        <v>534</v>
      </c>
      <c r="M51" s="64" t="s">
        <v>534</v>
      </c>
      <c r="N51" s="64" t="s">
        <v>534</v>
      </c>
      <c r="O51" s="65" t="s">
        <v>534</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64775</v>
      </c>
      <c r="L52" s="64">
        <v>67042</v>
      </c>
      <c r="M52" s="64">
        <v>63398</v>
      </c>
      <c r="N52" s="64">
        <v>62722</v>
      </c>
      <c r="O52" s="65">
        <v>61001</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20182</v>
      </c>
      <c r="L53" s="69">
        <v>17549</v>
      </c>
      <c r="M53" s="69">
        <v>20533</v>
      </c>
      <c r="N53" s="69">
        <v>21111</v>
      </c>
      <c r="O53" s="70">
        <v>25883</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92</v>
      </c>
      <c r="L56" s="80" t="s">
        <v>593</v>
      </c>
      <c r="M56" s="80" t="s">
        <v>594</v>
      </c>
      <c r="N56" s="80" t="s">
        <v>595</v>
      </c>
      <c r="O56" s="81" t="s">
        <v>596</v>
      </c>
      <c r="P56" s="48"/>
      <c r="Q56" s="48"/>
      <c r="R56" s="48"/>
      <c r="S56" s="48"/>
      <c r="T56" s="48"/>
      <c r="U56" s="48"/>
    </row>
    <row r="57" spans="1:21" ht="31.5" customHeight="1" x14ac:dyDescent="0.2">
      <c r="B57" s="1254" t="s">
        <v>25</v>
      </c>
      <c r="C57" s="1255"/>
      <c r="D57" s="1258" t="s">
        <v>26</v>
      </c>
      <c r="E57" s="1259"/>
      <c r="F57" s="1259"/>
      <c r="G57" s="1259"/>
      <c r="H57" s="1259"/>
      <c r="I57" s="1259"/>
      <c r="J57" s="1260"/>
      <c r="K57" s="82">
        <v>142845</v>
      </c>
      <c r="L57" s="83">
        <v>155248</v>
      </c>
      <c r="M57" s="83">
        <v>172771</v>
      </c>
      <c r="N57" s="83">
        <v>179351</v>
      </c>
      <c r="O57" s="84">
        <v>190638</v>
      </c>
    </row>
    <row r="58" spans="1:21" ht="31.5" customHeight="1" thickBot="1" x14ac:dyDescent="0.25">
      <c r="B58" s="1256"/>
      <c r="C58" s="1257"/>
      <c r="D58" s="1261" t="s">
        <v>27</v>
      </c>
      <c r="E58" s="1262"/>
      <c r="F58" s="1262"/>
      <c r="G58" s="1262"/>
      <c r="H58" s="1262"/>
      <c r="I58" s="1262"/>
      <c r="J58" s="1263"/>
      <c r="K58" s="85">
        <v>155774</v>
      </c>
      <c r="L58" s="86">
        <v>165262</v>
      </c>
      <c r="M58" s="86">
        <v>177292</v>
      </c>
      <c r="N58" s="86">
        <v>187087</v>
      </c>
      <c r="O58" s="87">
        <v>209024</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sCu27UfSMVxkSNR2qSey9yErlVIDxgTQzwLJ6YgnH1Ye7nKgamhus9eD9tswp8rZXpk+ZlgKDD2S0n+fWB/KVg==" saltValue="JEV7qOiCoi2W0DnmMV840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3"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75</v>
      </c>
      <c r="J40" s="99" t="s">
        <v>576</v>
      </c>
      <c r="K40" s="99" t="s">
        <v>577</v>
      </c>
      <c r="L40" s="99" t="s">
        <v>578</v>
      </c>
      <c r="M40" s="100" t="s">
        <v>579</v>
      </c>
    </row>
    <row r="41" spans="2:13" ht="27.75" customHeight="1" x14ac:dyDescent="0.2">
      <c r="B41" s="1284" t="s">
        <v>30</v>
      </c>
      <c r="C41" s="1285"/>
      <c r="D41" s="101"/>
      <c r="E41" s="1286" t="s">
        <v>31</v>
      </c>
      <c r="F41" s="1286"/>
      <c r="G41" s="1286"/>
      <c r="H41" s="1287"/>
      <c r="I41" s="102">
        <v>1028239</v>
      </c>
      <c r="J41" s="103">
        <v>1036189</v>
      </c>
      <c r="K41" s="103">
        <v>1035000</v>
      </c>
      <c r="L41" s="103">
        <v>1053471</v>
      </c>
      <c r="M41" s="104">
        <v>1049364</v>
      </c>
    </row>
    <row r="42" spans="2:13" ht="27.75" customHeight="1" x14ac:dyDescent="0.2">
      <c r="B42" s="1274"/>
      <c r="C42" s="1275"/>
      <c r="D42" s="105"/>
      <c r="E42" s="1278" t="s">
        <v>32</v>
      </c>
      <c r="F42" s="1278"/>
      <c r="G42" s="1278"/>
      <c r="H42" s="1279"/>
      <c r="I42" s="106">
        <v>22062</v>
      </c>
      <c r="J42" s="107">
        <v>34177</v>
      </c>
      <c r="K42" s="107">
        <v>34475</v>
      </c>
      <c r="L42" s="107">
        <v>29343</v>
      </c>
      <c r="M42" s="108">
        <v>26270</v>
      </c>
    </row>
    <row r="43" spans="2:13" ht="27.75" customHeight="1" x14ac:dyDescent="0.2">
      <c r="B43" s="1274"/>
      <c r="C43" s="1275"/>
      <c r="D43" s="105"/>
      <c r="E43" s="1278" t="s">
        <v>33</v>
      </c>
      <c r="F43" s="1278"/>
      <c r="G43" s="1278"/>
      <c r="H43" s="1279"/>
      <c r="I43" s="106">
        <v>186000</v>
      </c>
      <c r="J43" s="107">
        <v>167725</v>
      </c>
      <c r="K43" s="107">
        <v>156351</v>
      </c>
      <c r="L43" s="107">
        <v>142358</v>
      </c>
      <c r="M43" s="108">
        <v>141684</v>
      </c>
    </row>
    <row r="44" spans="2:13" ht="27.75" customHeight="1" x14ac:dyDescent="0.2">
      <c r="B44" s="1274"/>
      <c r="C44" s="1275"/>
      <c r="D44" s="105"/>
      <c r="E44" s="1278" t="s">
        <v>34</v>
      </c>
      <c r="F44" s="1278"/>
      <c r="G44" s="1278"/>
      <c r="H44" s="1279"/>
      <c r="I44" s="106" t="s">
        <v>534</v>
      </c>
      <c r="J44" s="107" t="s">
        <v>534</v>
      </c>
      <c r="K44" s="107" t="s">
        <v>534</v>
      </c>
      <c r="L44" s="107" t="s">
        <v>534</v>
      </c>
      <c r="M44" s="108" t="s">
        <v>534</v>
      </c>
    </row>
    <row r="45" spans="2:13" ht="27.75" customHeight="1" x14ac:dyDescent="0.2">
      <c r="B45" s="1274"/>
      <c r="C45" s="1275"/>
      <c r="D45" s="105"/>
      <c r="E45" s="1278" t="s">
        <v>35</v>
      </c>
      <c r="F45" s="1278"/>
      <c r="G45" s="1278"/>
      <c r="H45" s="1279"/>
      <c r="I45" s="106">
        <v>77230</v>
      </c>
      <c r="J45" s="107">
        <v>74306</v>
      </c>
      <c r="K45" s="107">
        <v>73234</v>
      </c>
      <c r="L45" s="107">
        <v>105548</v>
      </c>
      <c r="M45" s="108">
        <v>101660</v>
      </c>
    </row>
    <row r="46" spans="2:13" ht="27.75" customHeight="1" x14ac:dyDescent="0.2">
      <c r="B46" s="1274"/>
      <c r="C46" s="1275"/>
      <c r="D46" s="109"/>
      <c r="E46" s="1278" t="s">
        <v>36</v>
      </c>
      <c r="F46" s="1278"/>
      <c r="G46" s="1278"/>
      <c r="H46" s="1279"/>
      <c r="I46" s="106">
        <v>594</v>
      </c>
      <c r="J46" s="107">
        <v>362</v>
      </c>
      <c r="K46" s="107">
        <v>262</v>
      </c>
      <c r="L46" s="107">
        <v>130</v>
      </c>
      <c r="M46" s="108">
        <v>93</v>
      </c>
    </row>
    <row r="47" spans="2:13" ht="27.75" customHeight="1" x14ac:dyDescent="0.2">
      <c r="B47" s="1274"/>
      <c r="C47" s="1275"/>
      <c r="D47" s="110"/>
      <c r="E47" s="1288" t="s">
        <v>37</v>
      </c>
      <c r="F47" s="1289"/>
      <c r="G47" s="1289"/>
      <c r="H47" s="1290"/>
      <c r="I47" s="106" t="s">
        <v>534</v>
      </c>
      <c r="J47" s="107" t="s">
        <v>534</v>
      </c>
      <c r="K47" s="107" t="s">
        <v>534</v>
      </c>
      <c r="L47" s="107" t="s">
        <v>534</v>
      </c>
      <c r="M47" s="108" t="s">
        <v>534</v>
      </c>
    </row>
    <row r="48" spans="2:13" ht="27.75" customHeight="1" x14ac:dyDescent="0.2">
      <c r="B48" s="1274"/>
      <c r="C48" s="1275"/>
      <c r="D48" s="105"/>
      <c r="E48" s="1278" t="s">
        <v>38</v>
      </c>
      <c r="F48" s="1278"/>
      <c r="G48" s="1278"/>
      <c r="H48" s="1279"/>
      <c r="I48" s="106" t="s">
        <v>534</v>
      </c>
      <c r="J48" s="107" t="s">
        <v>534</v>
      </c>
      <c r="K48" s="107" t="s">
        <v>534</v>
      </c>
      <c r="L48" s="107" t="s">
        <v>534</v>
      </c>
      <c r="M48" s="108" t="s">
        <v>534</v>
      </c>
    </row>
    <row r="49" spans="2:13" ht="27.75" customHeight="1" x14ac:dyDescent="0.2">
      <c r="B49" s="1276"/>
      <c r="C49" s="1277"/>
      <c r="D49" s="105"/>
      <c r="E49" s="1278" t="s">
        <v>39</v>
      </c>
      <c r="F49" s="1278"/>
      <c r="G49" s="1278"/>
      <c r="H49" s="1279"/>
      <c r="I49" s="106" t="s">
        <v>534</v>
      </c>
      <c r="J49" s="107" t="s">
        <v>534</v>
      </c>
      <c r="K49" s="107" t="s">
        <v>534</v>
      </c>
      <c r="L49" s="107" t="s">
        <v>534</v>
      </c>
      <c r="M49" s="108" t="s">
        <v>534</v>
      </c>
    </row>
    <row r="50" spans="2:13" ht="27.75" customHeight="1" x14ac:dyDescent="0.2">
      <c r="B50" s="1272" t="s">
        <v>40</v>
      </c>
      <c r="C50" s="1273"/>
      <c r="D50" s="111"/>
      <c r="E50" s="1278" t="s">
        <v>41</v>
      </c>
      <c r="F50" s="1278"/>
      <c r="G50" s="1278"/>
      <c r="H50" s="1279"/>
      <c r="I50" s="106">
        <v>209039</v>
      </c>
      <c r="J50" s="107">
        <v>223464</v>
      </c>
      <c r="K50" s="107">
        <v>227690</v>
      </c>
      <c r="L50" s="107">
        <v>234155</v>
      </c>
      <c r="M50" s="108">
        <v>238846</v>
      </c>
    </row>
    <row r="51" spans="2:13" ht="27.75" customHeight="1" x14ac:dyDescent="0.2">
      <c r="B51" s="1274"/>
      <c r="C51" s="1275"/>
      <c r="D51" s="105"/>
      <c r="E51" s="1278" t="s">
        <v>42</v>
      </c>
      <c r="F51" s="1278"/>
      <c r="G51" s="1278"/>
      <c r="H51" s="1279"/>
      <c r="I51" s="106">
        <v>279344</v>
      </c>
      <c r="J51" s="107">
        <v>272970</v>
      </c>
      <c r="K51" s="107">
        <v>264585</v>
      </c>
      <c r="L51" s="107">
        <v>250365</v>
      </c>
      <c r="M51" s="108">
        <v>247958</v>
      </c>
    </row>
    <row r="52" spans="2:13" ht="27.75" customHeight="1" x14ac:dyDescent="0.2">
      <c r="B52" s="1276"/>
      <c r="C52" s="1277"/>
      <c r="D52" s="105"/>
      <c r="E52" s="1278" t="s">
        <v>43</v>
      </c>
      <c r="F52" s="1278"/>
      <c r="G52" s="1278"/>
      <c r="H52" s="1279"/>
      <c r="I52" s="106">
        <v>524027</v>
      </c>
      <c r="J52" s="107">
        <v>505035</v>
      </c>
      <c r="K52" s="107">
        <v>485164</v>
      </c>
      <c r="L52" s="107">
        <v>459442</v>
      </c>
      <c r="M52" s="108">
        <v>437760</v>
      </c>
    </row>
    <row r="53" spans="2:13" ht="27.75" customHeight="1" thickBot="1" x14ac:dyDescent="0.25">
      <c r="B53" s="1280" t="s">
        <v>44</v>
      </c>
      <c r="C53" s="1281"/>
      <c r="D53" s="112"/>
      <c r="E53" s="1282" t="s">
        <v>45</v>
      </c>
      <c r="F53" s="1282"/>
      <c r="G53" s="1282"/>
      <c r="H53" s="1283"/>
      <c r="I53" s="113">
        <v>301715</v>
      </c>
      <c r="J53" s="114">
        <v>311291</v>
      </c>
      <c r="K53" s="114">
        <v>321884</v>
      </c>
      <c r="L53" s="114">
        <v>386888</v>
      </c>
      <c r="M53" s="115">
        <v>394508</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qo1hiMwDRlH5F+klGP55j0VmPoNhInmYkN3bleLjYVtuzOsM3N/ROdMglCafPEzZ6HijBTGGWqbT9k/OTIlFEQ==" saltValue="1gnQekSd+Fcfplcvuy7Rd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57"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77</v>
      </c>
      <c r="G54" s="124" t="s">
        <v>578</v>
      </c>
      <c r="H54" s="125" t="s">
        <v>579</v>
      </c>
    </row>
    <row r="55" spans="2:8" ht="52.5" customHeight="1" x14ac:dyDescent="0.2">
      <c r="B55" s="126"/>
      <c r="C55" s="1299" t="s">
        <v>48</v>
      </c>
      <c r="D55" s="1299"/>
      <c r="E55" s="1300"/>
      <c r="F55" s="127">
        <v>5441</v>
      </c>
      <c r="G55" s="127">
        <v>5663</v>
      </c>
      <c r="H55" s="128">
        <v>6121</v>
      </c>
    </row>
    <row r="56" spans="2:8" ht="52.5" customHeight="1" x14ac:dyDescent="0.2">
      <c r="B56" s="129"/>
      <c r="C56" s="1301" t="s">
        <v>49</v>
      </c>
      <c r="D56" s="1301"/>
      <c r="E56" s="1302"/>
      <c r="F56" s="130">
        <v>444</v>
      </c>
      <c r="G56" s="130">
        <v>742</v>
      </c>
      <c r="H56" s="131">
        <v>839</v>
      </c>
    </row>
    <row r="57" spans="2:8" ht="53.25" customHeight="1" x14ac:dyDescent="0.2">
      <c r="B57" s="129"/>
      <c r="C57" s="1303" t="s">
        <v>50</v>
      </c>
      <c r="D57" s="1303"/>
      <c r="E57" s="1304"/>
      <c r="F57" s="132">
        <v>24758</v>
      </c>
      <c r="G57" s="132">
        <v>23285</v>
      </c>
      <c r="H57" s="133">
        <v>22315</v>
      </c>
    </row>
    <row r="58" spans="2:8" ht="45.75" customHeight="1" x14ac:dyDescent="0.2">
      <c r="B58" s="134"/>
      <c r="C58" s="1291" t="s">
        <v>625</v>
      </c>
      <c r="D58" s="1292"/>
      <c r="E58" s="1293"/>
      <c r="F58" s="135">
        <v>8966</v>
      </c>
      <c r="G58" s="135">
        <v>8926</v>
      </c>
      <c r="H58" s="136">
        <v>8733</v>
      </c>
    </row>
    <row r="59" spans="2:8" ht="45.75" customHeight="1" x14ac:dyDescent="0.2">
      <c r="B59" s="134"/>
      <c r="C59" s="1291" t="s">
        <v>626</v>
      </c>
      <c r="D59" s="1292"/>
      <c r="E59" s="1293"/>
      <c r="F59" s="135">
        <v>5364</v>
      </c>
      <c r="G59" s="135">
        <v>5214</v>
      </c>
      <c r="H59" s="136">
        <v>5165</v>
      </c>
    </row>
    <row r="60" spans="2:8" ht="45.75" customHeight="1" x14ac:dyDescent="0.2">
      <c r="B60" s="134"/>
      <c r="C60" s="1291" t="s">
        <v>627</v>
      </c>
      <c r="D60" s="1292"/>
      <c r="E60" s="1293"/>
      <c r="F60" s="135">
        <v>2487</v>
      </c>
      <c r="G60" s="135">
        <v>2420</v>
      </c>
      <c r="H60" s="136">
        <v>2258</v>
      </c>
    </row>
    <row r="61" spans="2:8" ht="45.75" customHeight="1" x14ac:dyDescent="0.2">
      <c r="B61" s="134"/>
      <c r="C61" s="1291" t="s">
        <v>629</v>
      </c>
      <c r="D61" s="1292"/>
      <c r="E61" s="1293"/>
      <c r="F61" s="135">
        <v>3072</v>
      </c>
      <c r="G61" s="135">
        <v>1933</v>
      </c>
      <c r="H61" s="136">
        <v>1038</v>
      </c>
    </row>
    <row r="62" spans="2:8" ht="45.75" customHeight="1" thickBot="1" x14ac:dyDescent="0.25">
      <c r="B62" s="137"/>
      <c r="C62" s="1294" t="s">
        <v>628</v>
      </c>
      <c r="D62" s="1295"/>
      <c r="E62" s="1296"/>
      <c r="F62" s="138">
        <v>1042</v>
      </c>
      <c r="G62" s="138">
        <v>1042</v>
      </c>
      <c r="H62" s="139">
        <v>1015</v>
      </c>
    </row>
    <row r="63" spans="2:8" ht="52.5" customHeight="1" thickBot="1" x14ac:dyDescent="0.25">
      <c r="B63" s="140"/>
      <c r="C63" s="1297" t="s">
        <v>51</v>
      </c>
      <c r="D63" s="1297"/>
      <c r="E63" s="1298"/>
      <c r="F63" s="141">
        <v>30643</v>
      </c>
      <c r="G63" s="141">
        <v>29690</v>
      </c>
      <c r="H63" s="142">
        <v>29275</v>
      </c>
    </row>
    <row r="64" spans="2:8" ht="15" customHeight="1" x14ac:dyDescent="0.2"/>
    <row r="65" ht="0" hidden="1" customHeight="1" x14ac:dyDescent="0.2"/>
    <row r="66" ht="0" hidden="1" customHeight="1" x14ac:dyDescent="0.2"/>
  </sheetData>
  <sheetProtection algorithmName="SHA-512" hashValue="eBBLIs2/wFYLrPH6Ktfoyvzb/PXXWsQ0aG1Ud6ShlleKPsA0u3HrTCbRztaZ8PRYhEZ+7I3ho2PLV6S6eNzzlw==" saltValue="s5NMH/SMSlXRpZGIMOV2w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630</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630</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631</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632</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8" t="s">
        <v>633</v>
      </c>
      <c r="AO43" s="1319"/>
      <c r="AP43" s="1319"/>
      <c r="AQ43" s="1319"/>
      <c r="AR43" s="1319"/>
      <c r="AS43" s="1319"/>
      <c r="AT43" s="1319"/>
      <c r="AU43" s="1319"/>
      <c r="AV43" s="1319"/>
      <c r="AW43" s="1319"/>
      <c r="AX43" s="1319"/>
      <c r="AY43" s="1319"/>
      <c r="AZ43" s="1319"/>
      <c r="BA43" s="1319"/>
      <c r="BB43" s="1319"/>
      <c r="BC43" s="1319"/>
      <c r="BD43" s="1319"/>
      <c r="BE43" s="1319"/>
      <c r="BF43" s="1319"/>
      <c r="BG43" s="1319"/>
      <c r="BH43" s="1319"/>
      <c r="BI43" s="1319"/>
      <c r="BJ43" s="1319"/>
      <c r="BK43" s="1319"/>
      <c r="BL43" s="1319"/>
      <c r="BM43" s="1319"/>
      <c r="BN43" s="1319"/>
      <c r="BO43" s="1319"/>
      <c r="BP43" s="1319"/>
      <c r="BQ43" s="1319"/>
      <c r="BR43" s="1319"/>
      <c r="BS43" s="1319"/>
      <c r="BT43" s="1319"/>
      <c r="BU43" s="1319"/>
      <c r="BV43" s="1319"/>
      <c r="BW43" s="1319"/>
      <c r="BX43" s="1319"/>
      <c r="BY43" s="1319"/>
      <c r="BZ43" s="1319"/>
      <c r="CA43" s="1319"/>
      <c r="CB43" s="1319"/>
      <c r="CC43" s="1319"/>
      <c r="CD43" s="1319"/>
      <c r="CE43" s="1319"/>
      <c r="CF43" s="1319"/>
      <c r="CG43" s="1319"/>
      <c r="CH43" s="1319"/>
      <c r="CI43" s="1319"/>
      <c r="CJ43" s="1319"/>
      <c r="CK43" s="1319"/>
      <c r="CL43" s="1319"/>
      <c r="CM43" s="1319"/>
      <c r="CN43" s="1319"/>
      <c r="CO43" s="1319"/>
      <c r="CP43" s="1319"/>
      <c r="CQ43" s="1319"/>
      <c r="CR43" s="1319"/>
      <c r="CS43" s="1319"/>
      <c r="CT43" s="1319"/>
      <c r="CU43" s="1319"/>
      <c r="CV43" s="1319"/>
      <c r="CW43" s="1319"/>
      <c r="CX43" s="1319"/>
      <c r="CY43" s="1319"/>
      <c r="CZ43" s="1319"/>
      <c r="DA43" s="1319"/>
      <c r="DB43" s="1319"/>
      <c r="DC43" s="1320"/>
    </row>
    <row r="44" spans="2:109" ht="13.2" x14ac:dyDescent="0.2">
      <c r="B44" s="394"/>
      <c r="AN44" s="1321"/>
      <c r="AO44" s="1322"/>
      <c r="AP44" s="1322"/>
      <c r="AQ44" s="1322"/>
      <c r="AR44" s="1322"/>
      <c r="AS44" s="1322"/>
      <c r="AT44" s="1322"/>
      <c r="AU44" s="1322"/>
      <c r="AV44" s="1322"/>
      <c r="AW44" s="1322"/>
      <c r="AX44" s="1322"/>
      <c r="AY44" s="1322"/>
      <c r="AZ44" s="1322"/>
      <c r="BA44" s="1322"/>
      <c r="BB44" s="1322"/>
      <c r="BC44" s="1322"/>
      <c r="BD44" s="1322"/>
      <c r="BE44" s="1322"/>
      <c r="BF44" s="1322"/>
      <c r="BG44" s="1322"/>
      <c r="BH44" s="1322"/>
      <c r="BI44" s="1322"/>
      <c r="BJ44" s="1322"/>
      <c r="BK44" s="1322"/>
      <c r="BL44" s="1322"/>
      <c r="BM44" s="1322"/>
      <c r="BN44" s="1322"/>
      <c r="BO44" s="1322"/>
      <c r="BP44" s="1322"/>
      <c r="BQ44" s="1322"/>
      <c r="BR44" s="1322"/>
      <c r="BS44" s="1322"/>
      <c r="BT44" s="1322"/>
      <c r="BU44" s="1322"/>
      <c r="BV44" s="1322"/>
      <c r="BW44" s="1322"/>
      <c r="BX44" s="1322"/>
      <c r="BY44" s="1322"/>
      <c r="BZ44" s="1322"/>
      <c r="CA44" s="1322"/>
      <c r="CB44" s="1322"/>
      <c r="CC44" s="1322"/>
      <c r="CD44" s="1322"/>
      <c r="CE44" s="1322"/>
      <c r="CF44" s="1322"/>
      <c r="CG44" s="1322"/>
      <c r="CH44" s="1322"/>
      <c r="CI44" s="1322"/>
      <c r="CJ44" s="1322"/>
      <c r="CK44" s="1322"/>
      <c r="CL44" s="1322"/>
      <c r="CM44" s="1322"/>
      <c r="CN44" s="1322"/>
      <c r="CO44" s="1322"/>
      <c r="CP44" s="1322"/>
      <c r="CQ44" s="1322"/>
      <c r="CR44" s="1322"/>
      <c r="CS44" s="1322"/>
      <c r="CT44" s="1322"/>
      <c r="CU44" s="1322"/>
      <c r="CV44" s="1322"/>
      <c r="CW44" s="1322"/>
      <c r="CX44" s="1322"/>
      <c r="CY44" s="1322"/>
      <c r="CZ44" s="1322"/>
      <c r="DA44" s="1322"/>
      <c r="DB44" s="1322"/>
      <c r="DC44" s="1323"/>
    </row>
    <row r="45" spans="2:109" ht="13.2" x14ac:dyDescent="0.2">
      <c r="B45" s="394"/>
      <c r="AN45" s="1321"/>
      <c r="AO45" s="1322"/>
      <c r="AP45" s="1322"/>
      <c r="AQ45" s="1322"/>
      <c r="AR45" s="1322"/>
      <c r="AS45" s="1322"/>
      <c r="AT45" s="1322"/>
      <c r="AU45" s="1322"/>
      <c r="AV45" s="1322"/>
      <c r="AW45" s="1322"/>
      <c r="AX45" s="1322"/>
      <c r="AY45" s="1322"/>
      <c r="AZ45" s="1322"/>
      <c r="BA45" s="1322"/>
      <c r="BB45" s="1322"/>
      <c r="BC45" s="1322"/>
      <c r="BD45" s="1322"/>
      <c r="BE45" s="1322"/>
      <c r="BF45" s="1322"/>
      <c r="BG45" s="1322"/>
      <c r="BH45" s="1322"/>
      <c r="BI45" s="1322"/>
      <c r="BJ45" s="1322"/>
      <c r="BK45" s="1322"/>
      <c r="BL45" s="1322"/>
      <c r="BM45" s="1322"/>
      <c r="BN45" s="1322"/>
      <c r="BO45" s="1322"/>
      <c r="BP45" s="1322"/>
      <c r="BQ45" s="1322"/>
      <c r="BR45" s="1322"/>
      <c r="BS45" s="1322"/>
      <c r="BT45" s="1322"/>
      <c r="BU45" s="1322"/>
      <c r="BV45" s="1322"/>
      <c r="BW45" s="1322"/>
      <c r="BX45" s="1322"/>
      <c r="BY45" s="1322"/>
      <c r="BZ45" s="1322"/>
      <c r="CA45" s="1322"/>
      <c r="CB45" s="1322"/>
      <c r="CC45" s="1322"/>
      <c r="CD45" s="1322"/>
      <c r="CE45" s="1322"/>
      <c r="CF45" s="1322"/>
      <c r="CG45" s="1322"/>
      <c r="CH45" s="1322"/>
      <c r="CI45" s="1322"/>
      <c r="CJ45" s="1322"/>
      <c r="CK45" s="1322"/>
      <c r="CL45" s="1322"/>
      <c r="CM45" s="1322"/>
      <c r="CN45" s="1322"/>
      <c r="CO45" s="1322"/>
      <c r="CP45" s="1322"/>
      <c r="CQ45" s="1322"/>
      <c r="CR45" s="1322"/>
      <c r="CS45" s="1322"/>
      <c r="CT45" s="1322"/>
      <c r="CU45" s="1322"/>
      <c r="CV45" s="1322"/>
      <c r="CW45" s="1322"/>
      <c r="CX45" s="1322"/>
      <c r="CY45" s="1322"/>
      <c r="CZ45" s="1322"/>
      <c r="DA45" s="1322"/>
      <c r="DB45" s="1322"/>
      <c r="DC45" s="1323"/>
    </row>
    <row r="46" spans="2:109" ht="13.2" x14ac:dyDescent="0.2">
      <c r="B46" s="394"/>
      <c r="AN46" s="1321"/>
      <c r="AO46" s="1322"/>
      <c r="AP46" s="1322"/>
      <c r="AQ46" s="1322"/>
      <c r="AR46" s="1322"/>
      <c r="AS46" s="1322"/>
      <c r="AT46" s="1322"/>
      <c r="AU46" s="1322"/>
      <c r="AV46" s="1322"/>
      <c r="AW46" s="1322"/>
      <c r="AX46" s="1322"/>
      <c r="AY46" s="1322"/>
      <c r="AZ46" s="1322"/>
      <c r="BA46" s="1322"/>
      <c r="BB46" s="1322"/>
      <c r="BC46" s="1322"/>
      <c r="BD46" s="1322"/>
      <c r="BE46" s="1322"/>
      <c r="BF46" s="1322"/>
      <c r="BG46" s="1322"/>
      <c r="BH46" s="1322"/>
      <c r="BI46" s="1322"/>
      <c r="BJ46" s="1322"/>
      <c r="BK46" s="1322"/>
      <c r="BL46" s="1322"/>
      <c r="BM46" s="1322"/>
      <c r="BN46" s="1322"/>
      <c r="BO46" s="1322"/>
      <c r="BP46" s="1322"/>
      <c r="BQ46" s="1322"/>
      <c r="BR46" s="1322"/>
      <c r="BS46" s="1322"/>
      <c r="BT46" s="1322"/>
      <c r="BU46" s="1322"/>
      <c r="BV46" s="1322"/>
      <c r="BW46" s="1322"/>
      <c r="BX46" s="1322"/>
      <c r="BY46" s="1322"/>
      <c r="BZ46" s="1322"/>
      <c r="CA46" s="1322"/>
      <c r="CB46" s="1322"/>
      <c r="CC46" s="1322"/>
      <c r="CD46" s="1322"/>
      <c r="CE46" s="1322"/>
      <c r="CF46" s="1322"/>
      <c r="CG46" s="1322"/>
      <c r="CH46" s="1322"/>
      <c r="CI46" s="1322"/>
      <c r="CJ46" s="1322"/>
      <c r="CK46" s="1322"/>
      <c r="CL46" s="1322"/>
      <c r="CM46" s="1322"/>
      <c r="CN46" s="1322"/>
      <c r="CO46" s="1322"/>
      <c r="CP46" s="1322"/>
      <c r="CQ46" s="1322"/>
      <c r="CR46" s="1322"/>
      <c r="CS46" s="1322"/>
      <c r="CT46" s="1322"/>
      <c r="CU46" s="1322"/>
      <c r="CV46" s="1322"/>
      <c r="CW46" s="1322"/>
      <c r="CX46" s="1322"/>
      <c r="CY46" s="1322"/>
      <c r="CZ46" s="1322"/>
      <c r="DA46" s="1322"/>
      <c r="DB46" s="1322"/>
      <c r="DC46" s="1323"/>
    </row>
    <row r="47" spans="2:109" ht="13.2" x14ac:dyDescent="0.2">
      <c r="B47" s="394"/>
      <c r="AN47" s="1324"/>
      <c r="AO47" s="1325"/>
      <c r="AP47" s="1325"/>
      <c r="AQ47" s="1325"/>
      <c r="AR47" s="1325"/>
      <c r="AS47" s="1325"/>
      <c r="AT47" s="1325"/>
      <c r="AU47" s="1325"/>
      <c r="AV47" s="1325"/>
      <c r="AW47" s="1325"/>
      <c r="AX47" s="1325"/>
      <c r="AY47" s="1325"/>
      <c r="AZ47" s="1325"/>
      <c r="BA47" s="1325"/>
      <c r="BB47" s="1325"/>
      <c r="BC47" s="1325"/>
      <c r="BD47" s="1325"/>
      <c r="BE47" s="1325"/>
      <c r="BF47" s="1325"/>
      <c r="BG47" s="1325"/>
      <c r="BH47" s="1325"/>
      <c r="BI47" s="1325"/>
      <c r="BJ47" s="1325"/>
      <c r="BK47" s="1325"/>
      <c r="BL47" s="1325"/>
      <c r="BM47" s="1325"/>
      <c r="BN47" s="1325"/>
      <c r="BO47" s="1325"/>
      <c r="BP47" s="1325"/>
      <c r="BQ47" s="1325"/>
      <c r="BR47" s="1325"/>
      <c r="BS47" s="1325"/>
      <c r="BT47" s="1325"/>
      <c r="BU47" s="1325"/>
      <c r="BV47" s="1325"/>
      <c r="BW47" s="1325"/>
      <c r="BX47" s="1325"/>
      <c r="BY47" s="1325"/>
      <c r="BZ47" s="1325"/>
      <c r="CA47" s="1325"/>
      <c r="CB47" s="1325"/>
      <c r="CC47" s="1325"/>
      <c r="CD47" s="1325"/>
      <c r="CE47" s="1325"/>
      <c r="CF47" s="1325"/>
      <c r="CG47" s="1325"/>
      <c r="CH47" s="1325"/>
      <c r="CI47" s="1325"/>
      <c r="CJ47" s="1325"/>
      <c r="CK47" s="1325"/>
      <c r="CL47" s="1325"/>
      <c r="CM47" s="1325"/>
      <c r="CN47" s="1325"/>
      <c r="CO47" s="1325"/>
      <c r="CP47" s="1325"/>
      <c r="CQ47" s="1325"/>
      <c r="CR47" s="1325"/>
      <c r="CS47" s="1325"/>
      <c r="CT47" s="1325"/>
      <c r="CU47" s="1325"/>
      <c r="CV47" s="1325"/>
      <c r="CW47" s="1325"/>
      <c r="CX47" s="1325"/>
      <c r="CY47" s="1325"/>
      <c r="CZ47" s="1325"/>
      <c r="DA47" s="1325"/>
      <c r="DB47" s="1325"/>
      <c r="DC47" s="1326"/>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634</v>
      </c>
    </row>
    <row r="50" spans="1:109" ht="13.2" x14ac:dyDescent="0.2">
      <c r="B50" s="394"/>
      <c r="G50" s="1311"/>
      <c r="H50" s="1311"/>
      <c r="I50" s="1311"/>
      <c r="J50" s="1311"/>
      <c r="K50" s="404"/>
      <c r="L50" s="404"/>
      <c r="M50" s="405"/>
      <c r="N50" s="405"/>
      <c r="AN50" s="1314"/>
      <c r="AO50" s="1315"/>
      <c r="AP50" s="1315"/>
      <c r="AQ50" s="1315"/>
      <c r="AR50" s="1315"/>
      <c r="AS50" s="1315"/>
      <c r="AT50" s="1315"/>
      <c r="AU50" s="1315"/>
      <c r="AV50" s="1315"/>
      <c r="AW50" s="1315"/>
      <c r="AX50" s="1315"/>
      <c r="AY50" s="1315"/>
      <c r="AZ50" s="1315"/>
      <c r="BA50" s="1315"/>
      <c r="BB50" s="1315"/>
      <c r="BC50" s="1315"/>
      <c r="BD50" s="1315"/>
      <c r="BE50" s="1315"/>
      <c r="BF50" s="1315"/>
      <c r="BG50" s="1315"/>
      <c r="BH50" s="1315"/>
      <c r="BI50" s="1315"/>
      <c r="BJ50" s="1315"/>
      <c r="BK50" s="1315"/>
      <c r="BL50" s="1315"/>
      <c r="BM50" s="1315"/>
      <c r="BN50" s="1315"/>
      <c r="BO50" s="1316"/>
      <c r="BP50" s="1310" t="s">
        <v>575</v>
      </c>
      <c r="BQ50" s="1310"/>
      <c r="BR50" s="1310"/>
      <c r="BS50" s="1310"/>
      <c r="BT50" s="1310"/>
      <c r="BU50" s="1310"/>
      <c r="BV50" s="1310"/>
      <c r="BW50" s="1310"/>
      <c r="BX50" s="1310" t="s">
        <v>576</v>
      </c>
      <c r="BY50" s="1310"/>
      <c r="BZ50" s="1310"/>
      <c r="CA50" s="1310"/>
      <c r="CB50" s="1310"/>
      <c r="CC50" s="1310"/>
      <c r="CD50" s="1310"/>
      <c r="CE50" s="1310"/>
      <c r="CF50" s="1310" t="s">
        <v>577</v>
      </c>
      <c r="CG50" s="1310"/>
      <c r="CH50" s="1310"/>
      <c r="CI50" s="1310"/>
      <c r="CJ50" s="1310"/>
      <c r="CK50" s="1310"/>
      <c r="CL50" s="1310"/>
      <c r="CM50" s="1310"/>
      <c r="CN50" s="1310" t="s">
        <v>578</v>
      </c>
      <c r="CO50" s="1310"/>
      <c r="CP50" s="1310"/>
      <c r="CQ50" s="1310"/>
      <c r="CR50" s="1310"/>
      <c r="CS50" s="1310"/>
      <c r="CT50" s="1310"/>
      <c r="CU50" s="1310"/>
      <c r="CV50" s="1310" t="s">
        <v>579</v>
      </c>
      <c r="CW50" s="1310"/>
      <c r="CX50" s="1310"/>
      <c r="CY50" s="1310"/>
      <c r="CZ50" s="1310"/>
      <c r="DA50" s="1310"/>
      <c r="DB50" s="1310"/>
      <c r="DC50" s="1310"/>
    </row>
    <row r="51" spans="1:109" ht="13.5" customHeight="1" x14ac:dyDescent="0.2">
      <c r="B51" s="394"/>
      <c r="G51" s="1313"/>
      <c r="H51" s="1313"/>
      <c r="I51" s="1327"/>
      <c r="J51" s="1327"/>
      <c r="K51" s="1312"/>
      <c r="L51" s="1312"/>
      <c r="M51" s="1312"/>
      <c r="N51" s="1312"/>
      <c r="AM51" s="403"/>
      <c r="AN51" s="1308" t="s">
        <v>635</v>
      </c>
      <c r="AO51" s="1308"/>
      <c r="AP51" s="1308"/>
      <c r="AQ51" s="1308"/>
      <c r="AR51" s="1308"/>
      <c r="AS51" s="1308"/>
      <c r="AT51" s="1308"/>
      <c r="AU51" s="1308"/>
      <c r="AV51" s="1308"/>
      <c r="AW51" s="1308"/>
      <c r="AX51" s="1308"/>
      <c r="AY51" s="1308"/>
      <c r="AZ51" s="1308"/>
      <c r="BA51" s="1308"/>
      <c r="BB51" s="1308" t="s">
        <v>637</v>
      </c>
      <c r="BC51" s="1308"/>
      <c r="BD51" s="1308"/>
      <c r="BE51" s="1308"/>
      <c r="BF51" s="1308"/>
      <c r="BG51" s="1308"/>
      <c r="BH51" s="1308"/>
      <c r="BI51" s="1308"/>
      <c r="BJ51" s="1308"/>
      <c r="BK51" s="1308"/>
      <c r="BL51" s="1308"/>
      <c r="BM51" s="1308"/>
      <c r="BN51" s="1308"/>
      <c r="BO51" s="1308"/>
      <c r="BP51" s="1317"/>
      <c r="BQ51" s="1305"/>
      <c r="BR51" s="1305"/>
      <c r="BS51" s="1305"/>
      <c r="BT51" s="1305"/>
      <c r="BU51" s="1305"/>
      <c r="BV51" s="1305"/>
      <c r="BW51" s="1305"/>
      <c r="BX51" s="1305">
        <v>117.4</v>
      </c>
      <c r="BY51" s="1305"/>
      <c r="BZ51" s="1305"/>
      <c r="CA51" s="1305"/>
      <c r="CB51" s="1305"/>
      <c r="CC51" s="1305"/>
      <c r="CD51" s="1305"/>
      <c r="CE51" s="1305"/>
      <c r="CF51" s="1305">
        <v>118.3</v>
      </c>
      <c r="CG51" s="1305"/>
      <c r="CH51" s="1305"/>
      <c r="CI51" s="1305"/>
      <c r="CJ51" s="1305"/>
      <c r="CK51" s="1305"/>
      <c r="CL51" s="1305"/>
      <c r="CM51" s="1305"/>
      <c r="CN51" s="1305">
        <v>121.7</v>
      </c>
      <c r="CO51" s="1305"/>
      <c r="CP51" s="1305"/>
      <c r="CQ51" s="1305"/>
      <c r="CR51" s="1305"/>
      <c r="CS51" s="1305"/>
      <c r="CT51" s="1305"/>
      <c r="CU51" s="1305"/>
      <c r="CV51" s="1305">
        <v>120.4</v>
      </c>
      <c r="CW51" s="1305"/>
      <c r="CX51" s="1305"/>
      <c r="CY51" s="1305"/>
      <c r="CZ51" s="1305"/>
      <c r="DA51" s="1305"/>
      <c r="DB51" s="1305"/>
      <c r="DC51" s="1305"/>
    </row>
    <row r="52" spans="1:109" ht="13.2" x14ac:dyDescent="0.2">
      <c r="B52" s="394"/>
      <c r="G52" s="1313"/>
      <c r="H52" s="1313"/>
      <c r="I52" s="1327"/>
      <c r="J52" s="1327"/>
      <c r="K52" s="1312"/>
      <c r="L52" s="1312"/>
      <c r="M52" s="1312"/>
      <c r="N52" s="1312"/>
      <c r="AM52" s="403"/>
      <c r="AN52" s="1308"/>
      <c r="AO52" s="1308"/>
      <c r="AP52" s="1308"/>
      <c r="AQ52" s="1308"/>
      <c r="AR52" s="1308"/>
      <c r="AS52" s="1308"/>
      <c r="AT52" s="1308"/>
      <c r="AU52" s="1308"/>
      <c r="AV52" s="1308"/>
      <c r="AW52" s="1308"/>
      <c r="AX52" s="1308"/>
      <c r="AY52" s="1308"/>
      <c r="AZ52" s="1308"/>
      <c r="BA52" s="1308"/>
      <c r="BB52" s="1308"/>
      <c r="BC52" s="1308"/>
      <c r="BD52" s="1308"/>
      <c r="BE52" s="1308"/>
      <c r="BF52" s="1308"/>
      <c r="BG52" s="1308"/>
      <c r="BH52" s="1308"/>
      <c r="BI52" s="1308"/>
      <c r="BJ52" s="1308"/>
      <c r="BK52" s="1308"/>
      <c r="BL52" s="1308"/>
      <c r="BM52" s="1308"/>
      <c r="BN52" s="1308"/>
      <c r="BO52" s="1308"/>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ht="13.2" x14ac:dyDescent="0.2">
      <c r="A53" s="402"/>
      <c r="B53" s="394"/>
      <c r="G53" s="1313"/>
      <c r="H53" s="1313"/>
      <c r="I53" s="1311"/>
      <c r="J53" s="1311"/>
      <c r="K53" s="1312"/>
      <c r="L53" s="1312"/>
      <c r="M53" s="1312"/>
      <c r="N53" s="1312"/>
      <c r="AM53" s="403"/>
      <c r="AN53" s="1308"/>
      <c r="AO53" s="1308"/>
      <c r="AP53" s="1308"/>
      <c r="AQ53" s="1308"/>
      <c r="AR53" s="1308"/>
      <c r="AS53" s="1308"/>
      <c r="AT53" s="1308"/>
      <c r="AU53" s="1308"/>
      <c r="AV53" s="1308"/>
      <c r="AW53" s="1308"/>
      <c r="AX53" s="1308"/>
      <c r="AY53" s="1308"/>
      <c r="AZ53" s="1308"/>
      <c r="BA53" s="1308"/>
      <c r="BB53" s="1308" t="s">
        <v>638</v>
      </c>
      <c r="BC53" s="1308"/>
      <c r="BD53" s="1308"/>
      <c r="BE53" s="1308"/>
      <c r="BF53" s="1308"/>
      <c r="BG53" s="1308"/>
      <c r="BH53" s="1308"/>
      <c r="BI53" s="1308"/>
      <c r="BJ53" s="1308"/>
      <c r="BK53" s="1308"/>
      <c r="BL53" s="1308"/>
      <c r="BM53" s="1308"/>
      <c r="BN53" s="1308"/>
      <c r="BO53" s="1308"/>
      <c r="BP53" s="1317"/>
      <c r="BQ53" s="1305"/>
      <c r="BR53" s="1305"/>
      <c r="BS53" s="1305"/>
      <c r="BT53" s="1305"/>
      <c r="BU53" s="1305"/>
      <c r="BV53" s="1305"/>
      <c r="BW53" s="1305"/>
      <c r="BX53" s="1305">
        <v>58.3</v>
      </c>
      <c r="BY53" s="1305"/>
      <c r="BZ53" s="1305"/>
      <c r="CA53" s="1305"/>
      <c r="CB53" s="1305"/>
      <c r="CC53" s="1305"/>
      <c r="CD53" s="1305"/>
      <c r="CE53" s="1305"/>
      <c r="CF53" s="1305">
        <v>60.2</v>
      </c>
      <c r="CG53" s="1305"/>
      <c r="CH53" s="1305"/>
      <c r="CI53" s="1305"/>
      <c r="CJ53" s="1305"/>
      <c r="CK53" s="1305"/>
      <c r="CL53" s="1305"/>
      <c r="CM53" s="1305"/>
      <c r="CN53" s="1305">
        <v>60.1</v>
      </c>
      <c r="CO53" s="1305"/>
      <c r="CP53" s="1305"/>
      <c r="CQ53" s="1305"/>
      <c r="CR53" s="1305"/>
      <c r="CS53" s="1305"/>
      <c r="CT53" s="1305"/>
      <c r="CU53" s="1305"/>
      <c r="CV53" s="1305">
        <v>60.3</v>
      </c>
      <c r="CW53" s="1305"/>
      <c r="CX53" s="1305"/>
      <c r="CY53" s="1305"/>
      <c r="CZ53" s="1305"/>
      <c r="DA53" s="1305"/>
      <c r="DB53" s="1305"/>
      <c r="DC53" s="1305"/>
    </row>
    <row r="54" spans="1:109" ht="13.2" x14ac:dyDescent="0.2">
      <c r="A54" s="402"/>
      <c r="B54" s="394"/>
      <c r="G54" s="1313"/>
      <c r="H54" s="1313"/>
      <c r="I54" s="1311"/>
      <c r="J54" s="1311"/>
      <c r="K54" s="1312"/>
      <c r="L54" s="1312"/>
      <c r="M54" s="1312"/>
      <c r="N54" s="1312"/>
      <c r="AM54" s="403"/>
      <c r="AN54" s="1308"/>
      <c r="AO54" s="1308"/>
      <c r="AP54" s="1308"/>
      <c r="AQ54" s="1308"/>
      <c r="AR54" s="1308"/>
      <c r="AS54" s="1308"/>
      <c r="AT54" s="1308"/>
      <c r="AU54" s="1308"/>
      <c r="AV54" s="1308"/>
      <c r="AW54" s="1308"/>
      <c r="AX54" s="1308"/>
      <c r="AY54" s="1308"/>
      <c r="AZ54" s="1308"/>
      <c r="BA54" s="1308"/>
      <c r="BB54" s="1308"/>
      <c r="BC54" s="1308"/>
      <c r="BD54" s="1308"/>
      <c r="BE54" s="1308"/>
      <c r="BF54" s="1308"/>
      <c r="BG54" s="1308"/>
      <c r="BH54" s="1308"/>
      <c r="BI54" s="1308"/>
      <c r="BJ54" s="1308"/>
      <c r="BK54" s="1308"/>
      <c r="BL54" s="1308"/>
      <c r="BM54" s="1308"/>
      <c r="BN54" s="1308"/>
      <c r="BO54" s="1308"/>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ht="13.2" x14ac:dyDescent="0.2">
      <c r="A55" s="402"/>
      <c r="B55" s="394"/>
      <c r="G55" s="1311"/>
      <c r="H55" s="1311"/>
      <c r="I55" s="1311"/>
      <c r="J55" s="1311"/>
      <c r="K55" s="1312"/>
      <c r="L55" s="1312"/>
      <c r="M55" s="1312"/>
      <c r="N55" s="1312"/>
      <c r="AN55" s="1310" t="s">
        <v>639</v>
      </c>
      <c r="AO55" s="1310"/>
      <c r="AP55" s="1310"/>
      <c r="AQ55" s="1310"/>
      <c r="AR55" s="1310"/>
      <c r="AS55" s="1310"/>
      <c r="AT55" s="1310"/>
      <c r="AU55" s="1310"/>
      <c r="AV55" s="1310"/>
      <c r="AW55" s="1310"/>
      <c r="AX55" s="1310"/>
      <c r="AY55" s="1310"/>
      <c r="AZ55" s="1310"/>
      <c r="BA55" s="1310"/>
      <c r="BB55" s="1308" t="s">
        <v>637</v>
      </c>
      <c r="BC55" s="1308"/>
      <c r="BD55" s="1308"/>
      <c r="BE55" s="1308"/>
      <c r="BF55" s="1308"/>
      <c r="BG55" s="1308"/>
      <c r="BH55" s="1308"/>
      <c r="BI55" s="1308"/>
      <c r="BJ55" s="1308"/>
      <c r="BK55" s="1308"/>
      <c r="BL55" s="1308"/>
      <c r="BM55" s="1308"/>
      <c r="BN55" s="1308"/>
      <c r="BO55" s="1308"/>
      <c r="BP55" s="1317"/>
      <c r="BQ55" s="1305"/>
      <c r="BR55" s="1305"/>
      <c r="BS55" s="1305"/>
      <c r="BT55" s="1305"/>
      <c r="BU55" s="1305"/>
      <c r="BV55" s="1305"/>
      <c r="BW55" s="1305"/>
      <c r="BX55" s="1305">
        <v>124.2</v>
      </c>
      <c r="BY55" s="1305"/>
      <c r="BZ55" s="1305"/>
      <c r="CA55" s="1305"/>
      <c r="CB55" s="1305"/>
      <c r="CC55" s="1305"/>
      <c r="CD55" s="1305"/>
      <c r="CE55" s="1305"/>
      <c r="CF55" s="1305">
        <v>115.7</v>
      </c>
      <c r="CG55" s="1305"/>
      <c r="CH55" s="1305"/>
      <c r="CI55" s="1305"/>
      <c r="CJ55" s="1305"/>
      <c r="CK55" s="1305"/>
      <c r="CL55" s="1305"/>
      <c r="CM55" s="1305"/>
      <c r="CN55" s="1305">
        <v>106</v>
      </c>
      <c r="CO55" s="1305"/>
      <c r="CP55" s="1305"/>
      <c r="CQ55" s="1305"/>
      <c r="CR55" s="1305"/>
      <c r="CS55" s="1305"/>
      <c r="CT55" s="1305"/>
      <c r="CU55" s="1305"/>
      <c r="CV55" s="1305">
        <v>97.6</v>
      </c>
      <c r="CW55" s="1305"/>
      <c r="CX55" s="1305"/>
      <c r="CY55" s="1305"/>
      <c r="CZ55" s="1305"/>
      <c r="DA55" s="1305"/>
      <c r="DB55" s="1305"/>
      <c r="DC55" s="1305"/>
    </row>
    <row r="56" spans="1:109" ht="13.2" x14ac:dyDescent="0.2">
      <c r="A56" s="402"/>
      <c r="B56" s="394"/>
      <c r="G56" s="1311"/>
      <c r="H56" s="1311"/>
      <c r="I56" s="1311"/>
      <c r="J56" s="1311"/>
      <c r="K56" s="1312"/>
      <c r="L56" s="1312"/>
      <c r="M56" s="1312"/>
      <c r="N56" s="1312"/>
      <c r="AN56" s="1310"/>
      <c r="AO56" s="1310"/>
      <c r="AP56" s="1310"/>
      <c r="AQ56" s="1310"/>
      <c r="AR56" s="1310"/>
      <c r="AS56" s="1310"/>
      <c r="AT56" s="1310"/>
      <c r="AU56" s="1310"/>
      <c r="AV56" s="1310"/>
      <c r="AW56" s="1310"/>
      <c r="AX56" s="1310"/>
      <c r="AY56" s="1310"/>
      <c r="AZ56" s="1310"/>
      <c r="BA56" s="1310"/>
      <c r="BB56" s="1308"/>
      <c r="BC56" s="1308"/>
      <c r="BD56" s="1308"/>
      <c r="BE56" s="1308"/>
      <c r="BF56" s="1308"/>
      <c r="BG56" s="1308"/>
      <c r="BH56" s="1308"/>
      <c r="BI56" s="1308"/>
      <c r="BJ56" s="1308"/>
      <c r="BK56" s="1308"/>
      <c r="BL56" s="1308"/>
      <c r="BM56" s="1308"/>
      <c r="BN56" s="1308"/>
      <c r="BO56" s="1308"/>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2" customFormat="1" ht="13.2" x14ac:dyDescent="0.2">
      <c r="B57" s="406"/>
      <c r="G57" s="1311"/>
      <c r="H57" s="1311"/>
      <c r="I57" s="1306"/>
      <c r="J57" s="1306"/>
      <c r="K57" s="1312"/>
      <c r="L57" s="1312"/>
      <c r="M57" s="1312"/>
      <c r="N57" s="1312"/>
      <c r="AM57" s="387"/>
      <c r="AN57" s="1310"/>
      <c r="AO57" s="1310"/>
      <c r="AP57" s="1310"/>
      <c r="AQ57" s="1310"/>
      <c r="AR57" s="1310"/>
      <c r="AS57" s="1310"/>
      <c r="AT57" s="1310"/>
      <c r="AU57" s="1310"/>
      <c r="AV57" s="1310"/>
      <c r="AW57" s="1310"/>
      <c r="AX57" s="1310"/>
      <c r="AY57" s="1310"/>
      <c r="AZ57" s="1310"/>
      <c r="BA57" s="1310"/>
      <c r="BB57" s="1308" t="s">
        <v>640</v>
      </c>
      <c r="BC57" s="1308"/>
      <c r="BD57" s="1308"/>
      <c r="BE57" s="1308"/>
      <c r="BF57" s="1308"/>
      <c r="BG57" s="1308"/>
      <c r="BH57" s="1308"/>
      <c r="BI57" s="1308"/>
      <c r="BJ57" s="1308"/>
      <c r="BK57" s="1308"/>
      <c r="BL57" s="1308"/>
      <c r="BM57" s="1308"/>
      <c r="BN57" s="1308"/>
      <c r="BO57" s="1308"/>
      <c r="BP57" s="1317"/>
      <c r="BQ57" s="1305"/>
      <c r="BR57" s="1305"/>
      <c r="BS57" s="1305"/>
      <c r="BT57" s="1305"/>
      <c r="BU57" s="1305"/>
      <c r="BV57" s="1305"/>
      <c r="BW57" s="1305"/>
      <c r="BX57" s="1305">
        <v>59.4</v>
      </c>
      <c r="BY57" s="1305"/>
      <c r="BZ57" s="1305"/>
      <c r="CA57" s="1305"/>
      <c r="CB57" s="1305"/>
      <c r="CC57" s="1305"/>
      <c r="CD57" s="1305"/>
      <c r="CE57" s="1305"/>
      <c r="CF57" s="1305">
        <v>61</v>
      </c>
      <c r="CG57" s="1305"/>
      <c r="CH57" s="1305"/>
      <c r="CI57" s="1305"/>
      <c r="CJ57" s="1305"/>
      <c r="CK57" s="1305"/>
      <c r="CL57" s="1305"/>
      <c r="CM57" s="1305"/>
      <c r="CN57" s="1305">
        <v>62</v>
      </c>
      <c r="CO57" s="1305"/>
      <c r="CP57" s="1305"/>
      <c r="CQ57" s="1305"/>
      <c r="CR57" s="1305"/>
      <c r="CS57" s="1305"/>
      <c r="CT57" s="1305"/>
      <c r="CU57" s="1305"/>
      <c r="CV57" s="1305">
        <v>62.8</v>
      </c>
      <c r="CW57" s="1305"/>
      <c r="CX57" s="1305"/>
      <c r="CY57" s="1305"/>
      <c r="CZ57" s="1305"/>
      <c r="DA57" s="1305"/>
      <c r="DB57" s="1305"/>
      <c r="DC57" s="1305"/>
      <c r="DD57" s="407"/>
      <c r="DE57" s="406"/>
    </row>
    <row r="58" spans="1:109" s="402" customFormat="1" ht="13.2" x14ac:dyDescent="0.2">
      <c r="A58" s="387"/>
      <c r="B58" s="406"/>
      <c r="G58" s="1311"/>
      <c r="H58" s="1311"/>
      <c r="I58" s="1306"/>
      <c r="J58" s="1306"/>
      <c r="K58" s="1312"/>
      <c r="L58" s="1312"/>
      <c r="M58" s="1312"/>
      <c r="N58" s="1312"/>
      <c r="AM58" s="387"/>
      <c r="AN58" s="1310"/>
      <c r="AO58" s="1310"/>
      <c r="AP58" s="1310"/>
      <c r="AQ58" s="1310"/>
      <c r="AR58" s="1310"/>
      <c r="AS58" s="1310"/>
      <c r="AT58" s="1310"/>
      <c r="AU58" s="1310"/>
      <c r="AV58" s="1310"/>
      <c r="AW58" s="1310"/>
      <c r="AX58" s="1310"/>
      <c r="AY58" s="1310"/>
      <c r="AZ58" s="1310"/>
      <c r="BA58" s="1310"/>
      <c r="BB58" s="1308"/>
      <c r="BC58" s="1308"/>
      <c r="BD58" s="1308"/>
      <c r="BE58" s="1308"/>
      <c r="BF58" s="1308"/>
      <c r="BG58" s="1308"/>
      <c r="BH58" s="1308"/>
      <c r="BI58" s="1308"/>
      <c r="BJ58" s="1308"/>
      <c r="BK58" s="1308"/>
      <c r="BL58" s="1308"/>
      <c r="BM58" s="1308"/>
      <c r="BN58" s="1308"/>
      <c r="BO58" s="1308"/>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41</v>
      </c>
    </row>
    <row r="64" spans="1:109" ht="13.2" x14ac:dyDescent="0.2">
      <c r="B64" s="394"/>
      <c r="G64" s="401"/>
      <c r="I64" s="414"/>
      <c r="J64" s="414"/>
      <c r="K64" s="414"/>
      <c r="L64" s="414"/>
      <c r="M64" s="414"/>
      <c r="N64" s="415"/>
      <c r="AM64" s="401"/>
      <c r="AN64" s="401" t="s">
        <v>632</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8" t="s">
        <v>642</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ht="13.2" x14ac:dyDescent="0.2">
      <c r="B66" s="394"/>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ht="13.2" x14ac:dyDescent="0.2">
      <c r="B67" s="394"/>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ht="13.2" x14ac:dyDescent="0.2">
      <c r="B68" s="394"/>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ht="13.2" x14ac:dyDescent="0.2">
      <c r="B69" s="394"/>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634</v>
      </c>
    </row>
    <row r="72" spans="2:107" ht="13.2" x14ac:dyDescent="0.2">
      <c r="B72" s="394"/>
      <c r="G72" s="1311"/>
      <c r="H72" s="1311"/>
      <c r="I72" s="1311"/>
      <c r="J72" s="1311"/>
      <c r="K72" s="404"/>
      <c r="L72" s="404"/>
      <c r="M72" s="405"/>
      <c r="N72" s="405"/>
      <c r="AN72" s="1314"/>
      <c r="AO72" s="1315"/>
      <c r="AP72" s="1315"/>
      <c r="AQ72" s="1315"/>
      <c r="AR72" s="1315"/>
      <c r="AS72" s="1315"/>
      <c r="AT72" s="1315"/>
      <c r="AU72" s="1315"/>
      <c r="AV72" s="1315"/>
      <c r="AW72" s="1315"/>
      <c r="AX72" s="1315"/>
      <c r="AY72" s="1315"/>
      <c r="AZ72" s="1315"/>
      <c r="BA72" s="1315"/>
      <c r="BB72" s="1315"/>
      <c r="BC72" s="1315"/>
      <c r="BD72" s="1315"/>
      <c r="BE72" s="1315"/>
      <c r="BF72" s="1315"/>
      <c r="BG72" s="1315"/>
      <c r="BH72" s="1315"/>
      <c r="BI72" s="1315"/>
      <c r="BJ72" s="1315"/>
      <c r="BK72" s="1315"/>
      <c r="BL72" s="1315"/>
      <c r="BM72" s="1315"/>
      <c r="BN72" s="1315"/>
      <c r="BO72" s="1316"/>
      <c r="BP72" s="1310" t="s">
        <v>575</v>
      </c>
      <c r="BQ72" s="1310"/>
      <c r="BR72" s="1310"/>
      <c r="BS72" s="1310"/>
      <c r="BT72" s="1310"/>
      <c r="BU72" s="1310"/>
      <c r="BV72" s="1310"/>
      <c r="BW72" s="1310"/>
      <c r="BX72" s="1310" t="s">
        <v>576</v>
      </c>
      <c r="BY72" s="1310"/>
      <c r="BZ72" s="1310"/>
      <c r="CA72" s="1310"/>
      <c r="CB72" s="1310"/>
      <c r="CC72" s="1310"/>
      <c r="CD72" s="1310"/>
      <c r="CE72" s="1310"/>
      <c r="CF72" s="1310" t="s">
        <v>577</v>
      </c>
      <c r="CG72" s="1310"/>
      <c r="CH72" s="1310"/>
      <c r="CI72" s="1310"/>
      <c r="CJ72" s="1310"/>
      <c r="CK72" s="1310"/>
      <c r="CL72" s="1310"/>
      <c r="CM72" s="1310"/>
      <c r="CN72" s="1310" t="s">
        <v>578</v>
      </c>
      <c r="CO72" s="1310"/>
      <c r="CP72" s="1310"/>
      <c r="CQ72" s="1310"/>
      <c r="CR72" s="1310"/>
      <c r="CS72" s="1310"/>
      <c r="CT72" s="1310"/>
      <c r="CU72" s="1310"/>
      <c r="CV72" s="1310" t="s">
        <v>579</v>
      </c>
      <c r="CW72" s="1310"/>
      <c r="CX72" s="1310"/>
      <c r="CY72" s="1310"/>
      <c r="CZ72" s="1310"/>
      <c r="DA72" s="1310"/>
      <c r="DB72" s="1310"/>
      <c r="DC72" s="1310"/>
    </row>
    <row r="73" spans="2:107" ht="13.2" x14ac:dyDescent="0.2">
      <c r="B73" s="394"/>
      <c r="G73" s="1313"/>
      <c r="H73" s="1313"/>
      <c r="I73" s="1313"/>
      <c r="J73" s="1313"/>
      <c r="K73" s="1309"/>
      <c r="L73" s="1309"/>
      <c r="M73" s="1309"/>
      <c r="N73" s="1309"/>
      <c r="AM73" s="403"/>
      <c r="AN73" s="1308" t="s">
        <v>635</v>
      </c>
      <c r="AO73" s="1308"/>
      <c r="AP73" s="1308"/>
      <c r="AQ73" s="1308"/>
      <c r="AR73" s="1308"/>
      <c r="AS73" s="1308"/>
      <c r="AT73" s="1308"/>
      <c r="AU73" s="1308"/>
      <c r="AV73" s="1308"/>
      <c r="AW73" s="1308"/>
      <c r="AX73" s="1308"/>
      <c r="AY73" s="1308"/>
      <c r="AZ73" s="1308"/>
      <c r="BA73" s="1308"/>
      <c r="BB73" s="1308" t="s">
        <v>637</v>
      </c>
      <c r="BC73" s="1308"/>
      <c r="BD73" s="1308"/>
      <c r="BE73" s="1308"/>
      <c r="BF73" s="1308"/>
      <c r="BG73" s="1308"/>
      <c r="BH73" s="1308"/>
      <c r="BI73" s="1308"/>
      <c r="BJ73" s="1308"/>
      <c r="BK73" s="1308"/>
      <c r="BL73" s="1308"/>
      <c r="BM73" s="1308"/>
      <c r="BN73" s="1308"/>
      <c r="BO73" s="1308"/>
      <c r="BP73" s="1305">
        <v>115.3</v>
      </c>
      <c r="BQ73" s="1305"/>
      <c r="BR73" s="1305"/>
      <c r="BS73" s="1305"/>
      <c r="BT73" s="1305"/>
      <c r="BU73" s="1305"/>
      <c r="BV73" s="1305"/>
      <c r="BW73" s="1305"/>
      <c r="BX73" s="1305">
        <v>117.4</v>
      </c>
      <c r="BY73" s="1305"/>
      <c r="BZ73" s="1305"/>
      <c r="CA73" s="1305"/>
      <c r="CB73" s="1305"/>
      <c r="CC73" s="1305"/>
      <c r="CD73" s="1305"/>
      <c r="CE73" s="1305"/>
      <c r="CF73" s="1305">
        <v>118.3</v>
      </c>
      <c r="CG73" s="1305"/>
      <c r="CH73" s="1305"/>
      <c r="CI73" s="1305"/>
      <c r="CJ73" s="1305"/>
      <c r="CK73" s="1305"/>
      <c r="CL73" s="1305"/>
      <c r="CM73" s="1305"/>
      <c r="CN73" s="1305">
        <v>121.7</v>
      </c>
      <c r="CO73" s="1305"/>
      <c r="CP73" s="1305"/>
      <c r="CQ73" s="1305"/>
      <c r="CR73" s="1305"/>
      <c r="CS73" s="1305"/>
      <c r="CT73" s="1305"/>
      <c r="CU73" s="1305"/>
      <c r="CV73" s="1305">
        <v>120.4</v>
      </c>
      <c r="CW73" s="1305"/>
      <c r="CX73" s="1305"/>
      <c r="CY73" s="1305"/>
      <c r="CZ73" s="1305"/>
      <c r="DA73" s="1305"/>
      <c r="DB73" s="1305"/>
      <c r="DC73" s="1305"/>
    </row>
    <row r="74" spans="2:107" ht="13.2" x14ac:dyDescent="0.2">
      <c r="B74" s="394"/>
      <c r="G74" s="1313"/>
      <c r="H74" s="1313"/>
      <c r="I74" s="1313"/>
      <c r="J74" s="1313"/>
      <c r="K74" s="1309"/>
      <c r="L74" s="1309"/>
      <c r="M74" s="1309"/>
      <c r="N74" s="1309"/>
      <c r="AM74" s="403"/>
      <c r="AN74" s="1308"/>
      <c r="AO74" s="1308"/>
      <c r="AP74" s="1308"/>
      <c r="AQ74" s="1308"/>
      <c r="AR74" s="1308"/>
      <c r="AS74" s="1308"/>
      <c r="AT74" s="1308"/>
      <c r="AU74" s="1308"/>
      <c r="AV74" s="1308"/>
      <c r="AW74" s="1308"/>
      <c r="AX74" s="1308"/>
      <c r="AY74" s="1308"/>
      <c r="AZ74" s="1308"/>
      <c r="BA74" s="1308"/>
      <c r="BB74" s="1308"/>
      <c r="BC74" s="1308"/>
      <c r="BD74" s="1308"/>
      <c r="BE74" s="1308"/>
      <c r="BF74" s="1308"/>
      <c r="BG74" s="1308"/>
      <c r="BH74" s="1308"/>
      <c r="BI74" s="1308"/>
      <c r="BJ74" s="1308"/>
      <c r="BK74" s="1308"/>
      <c r="BL74" s="1308"/>
      <c r="BM74" s="1308"/>
      <c r="BN74" s="1308"/>
      <c r="BO74" s="1308"/>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ht="13.2" x14ac:dyDescent="0.2">
      <c r="B75" s="394"/>
      <c r="G75" s="1313"/>
      <c r="H75" s="1313"/>
      <c r="I75" s="1311"/>
      <c r="J75" s="1311"/>
      <c r="K75" s="1312"/>
      <c r="L75" s="1312"/>
      <c r="M75" s="1312"/>
      <c r="N75" s="1312"/>
      <c r="AM75" s="403"/>
      <c r="AN75" s="1308"/>
      <c r="AO75" s="1308"/>
      <c r="AP75" s="1308"/>
      <c r="AQ75" s="1308"/>
      <c r="AR75" s="1308"/>
      <c r="AS75" s="1308"/>
      <c r="AT75" s="1308"/>
      <c r="AU75" s="1308"/>
      <c r="AV75" s="1308"/>
      <c r="AW75" s="1308"/>
      <c r="AX75" s="1308"/>
      <c r="AY75" s="1308"/>
      <c r="AZ75" s="1308"/>
      <c r="BA75" s="1308"/>
      <c r="BB75" s="1308" t="s">
        <v>643</v>
      </c>
      <c r="BC75" s="1308"/>
      <c r="BD75" s="1308"/>
      <c r="BE75" s="1308"/>
      <c r="BF75" s="1308"/>
      <c r="BG75" s="1308"/>
      <c r="BH75" s="1308"/>
      <c r="BI75" s="1308"/>
      <c r="BJ75" s="1308"/>
      <c r="BK75" s="1308"/>
      <c r="BL75" s="1308"/>
      <c r="BM75" s="1308"/>
      <c r="BN75" s="1308"/>
      <c r="BO75" s="1308"/>
      <c r="BP75" s="1305">
        <v>8.1999999999999993</v>
      </c>
      <c r="BQ75" s="1305"/>
      <c r="BR75" s="1305"/>
      <c r="BS75" s="1305"/>
      <c r="BT75" s="1305"/>
      <c r="BU75" s="1305"/>
      <c r="BV75" s="1305"/>
      <c r="BW75" s="1305"/>
      <c r="BX75" s="1305">
        <v>7.5</v>
      </c>
      <c r="BY75" s="1305"/>
      <c r="BZ75" s="1305"/>
      <c r="CA75" s="1305"/>
      <c r="CB75" s="1305"/>
      <c r="CC75" s="1305"/>
      <c r="CD75" s="1305"/>
      <c r="CE75" s="1305"/>
      <c r="CF75" s="1305">
        <v>7.2</v>
      </c>
      <c r="CG75" s="1305"/>
      <c r="CH75" s="1305"/>
      <c r="CI75" s="1305"/>
      <c r="CJ75" s="1305"/>
      <c r="CK75" s="1305"/>
      <c r="CL75" s="1305"/>
      <c r="CM75" s="1305"/>
      <c r="CN75" s="1305">
        <v>6.9</v>
      </c>
      <c r="CO75" s="1305"/>
      <c r="CP75" s="1305"/>
      <c r="CQ75" s="1305"/>
      <c r="CR75" s="1305"/>
      <c r="CS75" s="1305"/>
      <c r="CT75" s="1305"/>
      <c r="CU75" s="1305"/>
      <c r="CV75" s="1305">
        <v>7.3</v>
      </c>
      <c r="CW75" s="1305"/>
      <c r="CX75" s="1305"/>
      <c r="CY75" s="1305"/>
      <c r="CZ75" s="1305"/>
      <c r="DA75" s="1305"/>
      <c r="DB75" s="1305"/>
      <c r="DC75" s="1305"/>
    </row>
    <row r="76" spans="2:107" ht="13.2" x14ac:dyDescent="0.2">
      <c r="B76" s="394"/>
      <c r="G76" s="1313"/>
      <c r="H76" s="1313"/>
      <c r="I76" s="1311"/>
      <c r="J76" s="1311"/>
      <c r="K76" s="1312"/>
      <c r="L76" s="1312"/>
      <c r="M76" s="1312"/>
      <c r="N76" s="1312"/>
      <c r="AM76" s="403"/>
      <c r="AN76" s="1308"/>
      <c r="AO76" s="1308"/>
      <c r="AP76" s="1308"/>
      <c r="AQ76" s="1308"/>
      <c r="AR76" s="1308"/>
      <c r="AS76" s="1308"/>
      <c r="AT76" s="1308"/>
      <c r="AU76" s="1308"/>
      <c r="AV76" s="1308"/>
      <c r="AW76" s="1308"/>
      <c r="AX76" s="1308"/>
      <c r="AY76" s="1308"/>
      <c r="AZ76" s="1308"/>
      <c r="BA76" s="1308"/>
      <c r="BB76" s="1308"/>
      <c r="BC76" s="1308"/>
      <c r="BD76" s="1308"/>
      <c r="BE76" s="1308"/>
      <c r="BF76" s="1308"/>
      <c r="BG76" s="1308"/>
      <c r="BH76" s="1308"/>
      <c r="BI76" s="1308"/>
      <c r="BJ76" s="1308"/>
      <c r="BK76" s="1308"/>
      <c r="BL76" s="1308"/>
      <c r="BM76" s="1308"/>
      <c r="BN76" s="1308"/>
      <c r="BO76" s="1308"/>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ht="13.2" x14ac:dyDescent="0.2">
      <c r="B77" s="394"/>
      <c r="G77" s="1311"/>
      <c r="H77" s="1311"/>
      <c r="I77" s="1311"/>
      <c r="J77" s="1311"/>
      <c r="K77" s="1309"/>
      <c r="L77" s="1309"/>
      <c r="M77" s="1309"/>
      <c r="N77" s="1309"/>
      <c r="AN77" s="1310" t="s">
        <v>639</v>
      </c>
      <c r="AO77" s="1310"/>
      <c r="AP77" s="1310"/>
      <c r="AQ77" s="1310"/>
      <c r="AR77" s="1310"/>
      <c r="AS77" s="1310"/>
      <c r="AT77" s="1310"/>
      <c r="AU77" s="1310"/>
      <c r="AV77" s="1310"/>
      <c r="AW77" s="1310"/>
      <c r="AX77" s="1310"/>
      <c r="AY77" s="1310"/>
      <c r="AZ77" s="1310"/>
      <c r="BA77" s="1310"/>
      <c r="BB77" s="1308" t="s">
        <v>636</v>
      </c>
      <c r="BC77" s="1308"/>
      <c r="BD77" s="1308"/>
      <c r="BE77" s="1308"/>
      <c r="BF77" s="1308"/>
      <c r="BG77" s="1308"/>
      <c r="BH77" s="1308"/>
      <c r="BI77" s="1308"/>
      <c r="BJ77" s="1308"/>
      <c r="BK77" s="1308"/>
      <c r="BL77" s="1308"/>
      <c r="BM77" s="1308"/>
      <c r="BN77" s="1308"/>
      <c r="BO77" s="1308"/>
      <c r="BP77" s="1305">
        <v>132.4</v>
      </c>
      <c r="BQ77" s="1305"/>
      <c r="BR77" s="1305"/>
      <c r="BS77" s="1305"/>
      <c r="BT77" s="1305"/>
      <c r="BU77" s="1305"/>
      <c r="BV77" s="1305"/>
      <c r="BW77" s="1305"/>
      <c r="BX77" s="1305">
        <v>124.2</v>
      </c>
      <c r="BY77" s="1305"/>
      <c r="BZ77" s="1305"/>
      <c r="CA77" s="1305"/>
      <c r="CB77" s="1305"/>
      <c r="CC77" s="1305"/>
      <c r="CD77" s="1305"/>
      <c r="CE77" s="1305"/>
      <c r="CF77" s="1305">
        <v>115.7</v>
      </c>
      <c r="CG77" s="1305"/>
      <c r="CH77" s="1305"/>
      <c r="CI77" s="1305"/>
      <c r="CJ77" s="1305"/>
      <c r="CK77" s="1305"/>
      <c r="CL77" s="1305"/>
      <c r="CM77" s="1305"/>
      <c r="CN77" s="1305">
        <v>106</v>
      </c>
      <c r="CO77" s="1305"/>
      <c r="CP77" s="1305"/>
      <c r="CQ77" s="1305"/>
      <c r="CR77" s="1305"/>
      <c r="CS77" s="1305"/>
      <c r="CT77" s="1305"/>
      <c r="CU77" s="1305"/>
      <c r="CV77" s="1305">
        <v>97.6</v>
      </c>
      <c r="CW77" s="1305"/>
      <c r="CX77" s="1305"/>
      <c r="CY77" s="1305"/>
      <c r="CZ77" s="1305"/>
      <c r="DA77" s="1305"/>
      <c r="DB77" s="1305"/>
      <c r="DC77" s="1305"/>
    </row>
    <row r="78" spans="2:107" ht="13.2" x14ac:dyDescent="0.2">
      <c r="B78" s="394"/>
      <c r="G78" s="1311"/>
      <c r="H78" s="1311"/>
      <c r="I78" s="1311"/>
      <c r="J78" s="1311"/>
      <c r="K78" s="1309"/>
      <c r="L78" s="1309"/>
      <c r="M78" s="1309"/>
      <c r="N78" s="1309"/>
      <c r="AN78" s="1310"/>
      <c r="AO78" s="1310"/>
      <c r="AP78" s="1310"/>
      <c r="AQ78" s="1310"/>
      <c r="AR78" s="1310"/>
      <c r="AS78" s="1310"/>
      <c r="AT78" s="1310"/>
      <c r="AU78" s="1310"/>
      <c r="AV78" s="1310"/>
      <c r="AW78" s="1310"/>
      <c r="AX78" s="1310"/>
      <c r="AY78" s="1310"/>
      <c r="AZ78" s="1310"/>
      <c r="BA78" s="1310"/>
      <c r="BB78" s="1308"/>
      <c r="BC78" s="1308"/>
      <c r="BD78" s="1308"/>
      <c r="BE78" s="1308"/>
      <c r="BF78" s="1308"/>
      <c r="BG78" s="1308"/>
      <c r="BH78" s="1308"/>
      <c r="BI78" s="1308"/>
      <c r="BJ78" s="1308"/>
      <c r="BK78" s="1308"/>
      <c r="BL78" s="1308"/>
      <c r="BM78" s="1308"/>
      <c r="BN78" s="1308"/>
      <c r="BO78" s="1308"/>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ht="13.2" x14ac:dyDescent="0.2">
      <c r="B79" s="394"/>
      <c r="G79" s="1311"/>
      <c r="H79" s="1311"/>
      <c r="I79" s="1306"/>
      <c r="J79" s="1306"/>
      <c r="K79" s="1307"/>
      <c r="L79" s="1307"/>
      <c r="M79" s="1307"/>
      <c r="N79" s="1307"/>
      <c r="AN79" s="1310"/>
      <c r="AO79" s="1310"/>
      <c r="AP79" s="1310"/>
      <c r="AQ79" s="1310"/>
      <c r="AR79" s="1310"/>
      <c r="AS79" s="1310"/>
      <c r="AT79" s="1310"/>
      <c r="AU79" s="1310"/>
      <c r="AV79" s="1310"/>
      <c r="AW79" s="1310"/>
      <c r="AX79" s="1310"/>
      <c r="AY79" s="1310"/>
      <c r="AZ79" s="1310"/>
      <c r="BA79" s="1310"/>
      <c r="BB79" s="1308" t="s">
        <v>643</v>
      </c>
      <c r="BC79" s="1308"/>
      <c r="BD79" s="1308"/>
      <c r="BE79" s="1308"/>
      <c r="BF79" s="1308"/>
      <c r="BG79" s="1308"/>
      <c r="BH79" s="1308"/>
      <c r="BI79" s="1308"/>
      <c r="BJ79" s="1308"/>
      <c r="BK79" s="1308"/>
      <c r="BL79" s="1308"/>
      <c r="BM79" s="1308"/>
      <c r="BN79" s="1308"/>
      <c r="BO79" s="1308"/>
      <c r="BP79" s="1305">
        <v>11.2</v>
      </c>
      <c r="BQ79" s="1305"/>
      <c r="BR79" s="1305"/>
      <c r="BS79" s="1305"/>
      <c r="BT79" s="1305"/>
      <c r="BU79" s="1305"/>
      <c r="BV79" s="1305"/>
      <c r="BW79" s="1305"/>
      <c r="BX79" s="1305">
        <v>10.9</v>
      </c>
      <c r="BY79" s="1305"/>
      <c r="BZ79" s="1305"/>
      <c r="CA79" s="1305"/>
      <c r="CB79" s="1305"/>
      <c r="CC79" s="1305"/>
      <c r="CD79" s="1305"/>
      <c r="CE79" s="1305"/>
      <c r="CF79" s="1305">
        <v>10.3</v>
      </c>
      <c r="CG79" s="1305"/>
      <c r="CH79" s="1305"/>
      <c r="CI79" s="1305"/>
      <c r="CJ79" s="1305"/>
      <c r="CK79" s="1305"/>
      <c r="CL79" s="1305"/>
      <c r="CM79" s="1305"/>
      <c r="CN79" s="1305">
        <v>9</v>
      </c>
      <c r="CO79" s="1305"/>
      <c r="CP79" s="1305"/>
      <c r="CQ79" s="1305"/>
      <c r="CR79" s="1305"/>
      <c r="CS79" s="1305"/>
      <c r="CT79" s="1305"/>
      <c r="CU79" s="1305"/>
      <c r="CV79" s="1305">
        <v>8</v>
      </c>
      <c r="CW79" s="1305"/>
      <c r="CX79" s="1305"/>
      <c r="CY79" s="1305"/>
      <c r="CZ79" s="1305"/>
      <c r="DA79" s="1305"/>
      <c r="DB79" s="1305"/>
      <c r="DC79" s="1305"/>
    </row>
    <row r="80" spans="2:107" ht="13.2" x14ac:dyDescent="0.2">
      <c r="B80" s="394"/>
      <c r="G80" s="1311"/>
      <c r="H80" s="1311"/>
      <c r="I80" s="1306"/>
      <c r="J80" s="1306"/>
      <c r="K80" s="1307"/>
      <c r="L80" s="1307"/>
      <c r="M80" s="1307"/>
      <c r="N80" s="1307"/>
      <c r="AN80" s="1310"/>
      <c r="AO80" s="1310"/>
      <c r="AP80" s="1310"/>
      <c r="AQ80" s="1310"/>
      <c r="AR80" s="1310"/>
      <c r="AS80" s="1310"/>
      <c r="AT80" s="1310"/>
      <c r="AU80" s="1310"/>
      <c r="AV80" s="1310"/>
      <c r="AW80" s="1310"/>
      <c r="AX80" s="1310"/>
      <c r="AY80" s="1310"/>
      <c r="AZ80" s="1310"/>
      <c r="BA80" s="1310"/>
      <c r="BB80" s="1308"/>
      <c r="BC80" s="1308"/>
      <c r="BD80" s="1308"/>
      <c r="BE80" s="1308"/>
      <c r="BF80" s="1308"/>
      <c r="BG80" s="1308"/>
      <c r="BH80" s="1308"/>
      <c r="BI80" s="1308"/>
      <c r="BJ80" s="1308"/>
      <c r="BK80" s="1308"/>
      <c r="BL80" s="1308"/>
      <c r="BM80" s="1308"/>
      <c r="BN80" s="1308"/>
      <c r="BO80" s="1308"/>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10whLw+MlojjBmriQ7KsBGthReqfzAy6T2966f5ylSEUnhfZphhmj+1AZbbMF25obuPa11dHEEbCk8AP9Iwe2Q==" saltValue="rR/HiN7Xs54jl5wGzt1H7Q=="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44</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MEQfVqraRuwnR422/+H0Na91DDavYGrPYVrzYuji9/u0OWEr9xtFl77HEU74SrMHIVIk/jVQPBNwQ7uMQw01hw==" saltValue="skSnfa3ZjUN8NNJG5nhP2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44</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h+ng8314cEthreiXVaScNWY/yvNB2E171AS3jQTQ5H08DdQiiufXxlcyBTNSse7a0D7y4bonrE9MaX5eeTBihQ==" saltValue="Qk8sU9b3jfv/cWxMCC3FG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72</v>
      </c>
      <c r="G2" s="156"/>
      <c r="H2" s="157"/>
    </row>
    <row r="3" spans="1:8" x14ac:dyDescent="0.2">
      <c r="A3" s="153" t="s">
        <v>565</v>
      </c>
      <c r="B3" s="158"/>
      <c r="C3" s="159"/>
      <c r="D3" s="160">
        <v>63713</v>
      </c>
      <c r="E3" s="161"/>
      <c r="F3" s="162">
        <v>53572</v>
      </c>
      <c r="G3" s="163"/>
      <c r="H3" s="164"/>
    </row>
    <row r="4" spans="1:8" x14ac:dyDescent="0.2">
      <c r="A4" s="165"/>
      <c r="B4" s="166"/>
      <c r="C4" s="167"/>
      <c r="D4" s="168">
        <v>35172</v>
      </c>
      <c r="E4" s="169"/>
      <c r="F4" s="170">
        <v>25259</v>
      </c>
      <c r="G4" s="171"/>
      <c r="H4" s="172"/>
    </row>
    <row r="5" spans="1:8" x14ac:dyDescent="0.2">
      <c r="A5" s="153" t="s">
        <v>567</v>
      </c>
      <c r="B5" s="158"/>
      <c r="C5" s="159"/>
      <c r="D5" s="160">
        <v>51687</v>
      </c>
      <c r="E5" s="161"/>
      <c r="F5" s="162">
        <v>51898</v>
      </c>
      <c r="G5" s="163"/>
      <c r="H5" s="164"/>
    </row>
    <row r="6" spans="1:8" x14ac:dyDescent="0.2">
      <c r="A6" s="165"/>
      <c r="B6" s="166"/>
      <c r="C6" s="167"/>
      <c r="D6" s="168">
        <v>29091</v>
      </c>
      <c r="E6" s="169"/>
      <c r="F6" s="170">
        <v>25986</v>
      </c>
      <c r="G6" s="171"/>
      <c r="H6" s="172"/>
    </row>
    <row r="7" spans="1:8" x14ac:dyDescent="0.2">
      <c r="A7" s="153" t="s">
        <v>568</v>
      </c>
      <c r="B7" s="158"/>
      <c r="C7" s="159"/>
      <c r="D7" s="160">
        <v>52284</v>
      </c>
      <c r="E7" s="161"/>
      <c r="F7" s="162">
        <v>51684</v>
      </c>
      <c r="G7" s="163"/>
      <c r="H7" s="164"/>
    </row>
    <row r="8" spans="1:8" x14ac:dyDescent="0.2">
      <c r="A8" s="165"/>
      <c r="B8" s="166"/>
      <c r="C8" s="167"/>
      <c r="D8" s="168">
        <v>27528</v>
      </c>
      <c r="E8" s="169"/>
      <c r="F8" s="170">
        <v>26671</v>
      </c>
      <c r="G8" s="171"/>
      <c r="H8" s="172"/>
    </row>
    <row r="9" spans="1:8" x14ac:dyDescent="0.2">
      <c r="A9" s="153" t="s">
        <v>569</v>
      </c>
      <c r="B9" s="158"/>
      <c r="C9" s="159"/>
      <c r="D9" s="160">
        <v>64969</v>
      </c>
      <c r="E9" s="161"/>
      <c r="F9" s="162">
        <v>52897</v>
      </c>
      <c r="G9" s="163"/>
      <c r="H9" s="164"/>
    </row>
    <row r="10" spans="1:8" x14ac:dyDescent="0.2">
      <c r="A10" s="165"/>
      <c r="B10" s="166"/>
      <c r="C10" s="167"/>
      <c r="D10" s="168">
        <v>37667</v>
      </c>
      <c r="E10" s="169"/>
      <c r="F10" s="170">
        <v>27013</v>
      </c>
      <c r="G10" s="171"/>
      <c r="H10" s="172"/>
    </row>
    <row r="11" spans="1:8" x14ac:dyDescent="0.2">
      <c r="A11" s="153" t="s">
        <v>570</v>
      </c>
      <c r="B11" s="158"/>
      <c r="C11" s="159"/>
      <c r="D11" s="160">
        <v>61625</v>
      </c>
      <c r="E11" s="161"/>
      <c r="F11" s="162">
        <v>54945</v>
      </c>
      <c r="G11" s="163"/>
      <c r="H11" s="164"/>
    </row>
    <row r="12" spans="1:8" x14ac:dyDescent="0.2">
      <c r="A12" s="165"/>
      <c r="B12" s="166"/>
      <c r="C12" s="173"/>
      <c r="D12" s="168">
        <v>32955</v>
      </c>
      <c r="E12" s="169"/>
      <c r="F12" s="170">
        <v>29293</v>
      </c>
      <c r="G12" s="171"/>
      <c r="H12" s="172"/>
    </row>
    <row r="13" spans="1:8" x14ac:dyDescent="0.2">
      <c r="A13" s="153"/>
      <c r="B13" s="158"/>
      <c r="C13" s="174"/>
      <c r="D13" s="175">
        <v>58856</v>
      </c>
      <c r="E13" s="176"/>
      <c r="F13" s="177">
        <v>52999</v>
      </c>
      <c r="G13" s="178"/>
      <c r="H13" s="164"/>
    </row>
    <row r="14" spans="1:8" x14ac:dyDescent="0.2">
      <c r="A14" s="165"/>
      <c r="B14" s="166"/>
      <c r="C14" s="167"/>
      <c r="D14" s="168">
        <v>32483</v>
      </c>
      <c r="E14" s="169"/>
      <c r="F14" s="170">
        <v>26844</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0.14000000000000001</v>
      </c>
      <c r="C19" s="179">
        <f>ROUND(VALUE(SUBSTITUTE(実質収支比率等に係る経年分析!G$48,"▲","-")),2)</f>
        <v>0.16</v>
      </c>
      <c r="D19" s="179">
        <f>ROUND(VALUE(SUBSTITUTE(実質収支比率等に係る経年分析!H$48,"▲","-")),2)</f>
        <v>0.18</v>
      </c>
      <c r="E19" s="179">
        <f>ROUND(VALUE(SUBSTITUTE(実質収支比率等に係る経年分析!I$48,"▲","-")),2)</f>
        <v>0.2</v>
      </c>
      <c r="F19" s="179">
        <f>ROUND(VALUE(SUBSTITUTE(実質収支比率等に係る経年分析!J$48,"▲","-")),2)</f>
        <v>0.17</v>
      </c>
    </row>
    <row r="20" spans="1:11" x14ac:dyDescent="0.2">
      <c r="A20" s="179" t="s">
        <v>55</v>
      </c>
      <c r="B20" s="179">
        <f>ROUND(VALUE(SUBSTITUTE(実質収支比率等に係る経年分析!F$47,"▲","-")),2)</f>
        <v>0.95</v>
      </c>
      <c r="C20" s="179">
        <f>ROUND(VALUE(SUBSTITUTE(実質収支比率等に係る経年分析!G$47,"▲","-")),2)</f>
        <v>1.63</v>
      </c>
      <c r="D20" s="179">
        <f>ROUND(VALUE(SUBSTITUTE(実質収支比率等に係る経年分析!H$47,"▲","-")),2)</f>
        <v>1.73</v>
      </c>
      <c r="E20" s="179">
        <f>ROUND(VALUE(SUBSTITUTE(実質収支比率等に係る経年分析!I$47,"▲","-")),2)</f>
        <v>1.57</v>
      </c>
      <c r="F20" s="179">
        <f>ROUND(VALUE(SUBSTITUTE(実質収支比率等に係る経年分析!J$47,"▲","-")),2)</f>
        <v>1.66</v>
      </c>
    </row>
    <row r="21" spans="1:11" x14ac:dyDescent="0.2">
      <c r="A21" s="179" t="s">
        <v>56</v>
      </c>
      <c r="B21" s="179">
        <f>IF(ISNUMBER(VALUE(SUBSTITUTE(実質収支比率等に係る経年分析!F$49,"▲","-"))),ROUND(VALUE(SUBSTITUTE(実質収支比率等に係る経年分析!F$49,"▲","-")),2),NA())</f>
        <v>0.09</v>
      </c>
      <c r="C21" s="179">
        <f>IF(ISNUMBER(VALUE(SUBSTITUTE(実質収支比率等に係る経年分析!G$49,"▲","-"))),ROUND(VALUE(SUBSTITUTE(実質収支比率等に係る経年分析!G$49,"▲","-")),2),NA())</f>
        <v>0.69</v>
      </c>
      <c r="D21" s="179">
        <f>IF(ISNUMBER(VALUE(SUBSTITUTE(実質収支比率等に係る経年分析!H$49,"▲","-"))),ROUND(VALUE(SUBSTITUTE(実質収支比率等に係る経年分析!H$49,"▲","-")),2),NA())</f>
        <v>0.12</v>
      </c>
      <c r="E21" s="179">
        <f>IF(ISNUMBER(VALUE(SUBSTITUTE(実質収支比率等に係る経年分析!I$49,"▲","-"))),ROUND(VALUE(SUBSTITUTE(実質収支比率等に係る経年分析!I$49,"▲","-")),2),NA())</f>
        <v>7.0000000000000007E-2</v>
      </c>
      <c r="F21" s="179">
        <f>IF(ISNUMBER(VALUE(SUBSTITUTE(実質収支比率等に係る経年分析!J$49,"▲","-"))),ROUND(VALUE(SUBSTITUTE(実質収支比率等に係る経年分析!J$49,"▲","-")),2),NA())</f>
        <v>7.0000000000000007E-2</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13</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15</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16</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0.12</v>
      </c>
      <c r="J27" s="180" t="e">
        <f>IF(ROUND(VALUE(SUBSTITUTE(連結実質赤字比率に係る赤字・黒字の構成分析!J$43,"▲", "-")), 2) &lt; 0, ABS(ROUND(VALUE(SUBSTITUTE(連結実質赤字比率に係る赤字・黒字の構成分析!J$43,"▲", "-")), 2)), NA())</f>
        <v>#N/A</v>
      </c>
      <c r="K27" s="180">
        <f>IF(ROUND(VALUE(SUBSTITUTE(連結実質赤字比率に係る赤字・黒字の構成分析!J$43,"▲", "-")), 2) &gt;= 0, ABS(ROUND(VALUE(SUBSTITUTE(連結実質赤字比率に係る赤字・黒字の構成分析!J$43,"▲", "-")), 2)), NA())</f>
        <v>0.09</v>
      </c>
    </row>
    <row r="28" spans="1:11" x14ac:dyDescent="0.2">
      <c r="A28" s="180" t="str">
        <f>IF(連結実質赤字比率に係る赤字・黒字の構成分析!C$42="",NA(),連結実質赤字比率に係る赤字・黒字の構成分析!C$42)</f>
        <v>その他会計（赤字）</v>
      </c>
      <c r="B28" s="180">
        <f>IF(ROUND(VALUE(SUBSTITUTE(連結実質赤字比率に係る赤字・黒字の構成分析!F$42,"▲", "-")), 2) &lt; 0, ABS(ROUND(VALUE(SUBSTITUTE(連結実質赤字比率に係る赤字・黒字の構成分析!F$42,"▲", "-")), 2)), NA())</f>
        <v>0.03</v>
      </c>
      <c r="C28" s="180" t="e">
        <f>IF(ROUND(VALUE(SUBSTITUTE(連結実質赤字比率に係る赤字・黒字の構成分析!F$42,"▲", "-")), 2) &gt;= 0, ABS(ROUND(VALUE(SUBSTITUTE(連結実質赤字比率に係る赤字・黒字の構成分析!F$42,"▲", "-")), 2)), NA())</f>
        <v>#N/A</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f>IF(ROUND(VALUE(SUBSTITUTE(連結実質赤字比率に係る赤字・黒字の構成分析!I$42,"▲", "-")), 2) &lt; 0, ABS(ROUND(VALUE(SUBSTITUTE(連結実質赤字比率に係る赤字・黒字の構成分析!I$42,"▲", "-")), 2)), NA())</f>
        <v>0.06</v>
      </c>
      <c r="I28" s="180" t="e">
        <f>IF(ROUND(VALUE(SUBSTITUTE(連結実質赤字比率に係る赤字・黒字の構成分析!I$42,"▲", "-")), 2) &gt;= 0, ABS(ROUND(VALUE(SUBSTITUTE(連結実質赤字比率に係る赤字・黒字の構成分析!I$42,"▲", "-")), 2)), NA())</f>
        <v>#N/A</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一般会計</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05</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06</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06</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05</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05</v>
      </c>
    </row>
    <row r="30" spans="1:11" x14ac:dyDescent="0.2">
      <c r="A30" s="180" t="str">
        <f>IF(連結実質赤字比率に係る赤字・黒字の構成分析!C$40="",NA(),連結実質赤字比率に係る赤字・黒字の構成分析!C$40)</f>
        <v>墓地整備事業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03</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04</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7.0000000000000007E-2</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1</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7.0000000000000007E-2</v>
      </c>
    </row>
    <row r="31" spans="1:11" x14ac:dyDescent="0.2">
      <c r="A31" s="180" t="str">
        <f>IF(連結実質赤字比率に係る赤字・黒字の構成分析!C$39="",NA(),連結実質赤字比率に係る赤字・黒字の構成分析!C$39)</f>
        <v>介護保険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09</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31</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55000000000000004</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12</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19</v>
      </c>
    </row>
    <row r="32" spans="1:11" x14ac:dyDescent="0.2">
      <c r="A32" s="180" t="str">
        <f>IF(連結実質赤字比率に係る赤字・黒字の構成分析!C$38="",NA(),連結実質赤字比率に係る赤字・黒字の構成分析!C$38)</f>
        <v>港湾整備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12</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48</v>
      </c>
    </row>
    <row r="33" spans="1:16" x14ac:dyDescent="0.2">
      <c r="A33" s="180" t="str">
        <f>IF(連結実質赤字比率に係る赤字・黒字の構成分析!C$37="",NA(),連結実質赤字比率に係る赤字・黒字の構成分析!C$37)</f>
        <v>病院事業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1.65</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1.49</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1.04</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51</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5</v>
      </c>
    </row>
    <row r="34" spans="1:16" x14ac:dyDescent="0.2">
      <c r="A34" s="180" t="str">
        <f>IF(連結実質赤字比率に係る赤字・黒字の構成分析!C$36="",NA(),連結実質赤字比率に係る赤字・黒字の構成分析!C$36)</f>
        <v>工業用水道事業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2.54</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2.42</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2</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2.08</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2.27</v>
      </c>
    </row>
    <row r="35" spans="1:16" x14ac:dyDescent="0.2">
      <c r="A35" s="180" t="str">
        <f>IF(連結実質赤字比率に係る赤字・黒字の構成分析!C$35="",NA(),連結実質赤字比率に係る赤字・黒字の構成分析!C$35)</f>
        <v>下水道事業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1.39</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1.47</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2.13</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2.5</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3.07</v>
      </c>
    </row>
    <row r="36" spans="1:16" x14ac:dyDescent="0.2">
      <c r="A36" s="180" t="str">
        <f>IF(連結実質赤字比率に係る赤字・黒字の構成分析!C$34="",NA(),連結実質赤字比率に係る赤字・黒字の構成分析!C$34)</f>
        <v>水道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3.35</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3.13</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3.56</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3.08</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3.87</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64775</v>
      </c>
      <c r="E42" s="181"/>
      <c r="F42" s="181"/>
      <c r="G42" s="181">
        <f>'実質公債費比率（分子）の構造'!L$52</f>
        <v>67042</v>
      </c>
      <c r="H42" s="181"/>
      <c r="I42" s="181"/>
      <c r="J42" s="181">
        <f>'実質公債費比率（分子）の構造'!M$52</f>
        <v>63398</v>
      </c>
      <c r="K42" s="181"/>
      <c r="L42" s="181"/>
      <c r="M42" s="181">
        <f>'実質公債費比率（分子）の構造'!N$52</f>
        <v>62722</v>
      </c>
      <c r="N42" s="181"/>
      <c r="O42" s="181"/>
      <c r="P42" s="181">
        <f>'実質公債費比率（分子）の構造'!O$52</f>
        <v>61001</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938</v>
      </c>
      <c r="C44" s="181"/>
      <c r="D44" s="181"/>
      <c r="E44" s="181">
        <f>'実質公債費比率（分子）の構造'!L$50</f>
        <v>1670</v>
      </c>
      <c r="F44" s="181"/>
      <c r="G44" s="181"/>
      <c r="H44" s="181">
        <f>'実質公債費比率（分子）の構造'!M$50</f>
        <v>1175</v>
      </c>
      <c r="I44" s="181"/>
      <c r="J44" s="181"/>
      <c r="K44" s="181">
        <f>'実質公債費比率（分子）の構造'!N$50</f>
        <v>1124</v>
      </c>
      <c r="L44" s="181"/>
      <c r="M44" s="181"/>
      <c r="N44" s="181">
        <f>'実質公債費比率（分子）の構造'!O$50</f>
        <v>1779</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14318</v>
      </c>
      <c r="C46" s="181"/>
      <c r="D46" s="181"/>
      <c r="E46" s="181">
        <f>'実質公債費比率（分子）の構造'!L$48</f>
        <v>13520</v>
      </c>
      <c r="F46" s="181"/>
      <c r="G46" s="181"/>
      <c r="H46" s="181">
        <f>'実質公債費比率（分子）の構造'!M$48</f>
        <v>13622</v>
      </c>
      <c r="I46" s="181"/>
      <c r="J46" s="181"/>
      <c r="K46" s="181">
        <f>'実質公債費比率（分子）の構造'!N$48</f>
        <v>13192</v>
      </c>
      <c r="L46" s="181"/>
      <c r="M46" s="181"/>
      <c r="N46" s="181">
        <f>'実質公債費比率（分子）の構造'!O$48</f>
        <v>12613</v>
      </c>
      <c r="O46" s="181"/>
      <c r="P46" s="181"/>
    </row>
    <row r="47" spans="1:16" x14ac:dyDescent="0.2">
      <c r="A47" s="181" t="s">
        <v>68</v>
      </c>
      <c r="B47" s="181">
        <f>'実質公債費比率（分子）の構造'!K$47</f>
        <v>37529</v>
      </c>
      <c r="C47" s="181"/>
      <c r="D47" s="181"/>
      <c r="E47" s="181">
        <f>'実質公債費比率（分子）の構造'!L$47</f>
        <v>38323</v>
      </c>
      <c r="F47" s="181"/>
      <c r="G47" s="181"/>
      <c r="H47" s="181">
        <f>'実質公債費比率（分子）の構造'!M$47</f>
        <v>40690</v>
      </c>
      <c r="I47" s="181"/>
      <c r="J47" s="181"/>
      <c r="K47" s="181">
        <f>'実質公債費比率（分子）の構造'!N$47</f>
        <v>42112</v>
      </c>
      <c r="L47" s="181"/>
      <c r="M47" s="181"/>
      <c r="N47" s="181">
        <f>'実質公債費比率（分子）の構造'!O$47</f>
        <v>43035</v>
      </c>
      <c r="O47" s="181"/>
      <c r="P47" s="181"/>
    </row>
    <row r="48" spans="1:16" x14ac:dyDescent="0.2">
      <c r="A48" s="181" t="s">
        <v>69</v>
      </c>
      <c r="B48" s="181">
        <f>'実質公債費比率（分子）の構造'!K$46</f>
        <v>2098</v>
      </c>
      <c r="C48" s="181"/>
      <c r="D48" s="181"/>
      <c r="E48" s="181">
        <f>'実質公債費比率（分子）の構造'!L$46</f>
        <v>1356</v>
      </c>
      <c r="F48" s="181"/>
      <c r="G48" s="181"/>
      <c r="H48" s="181">
        <f>'実質公債費比率（分子）の構造'!M$46</f>
        <v>785</v>
      </c>
      <c r="I48" s="181"/>
      <c r="J48" s="181"/>
      <c r="K48" s="181">
        <f>'実質公債費比率（分子）の構造'!N$46</f>
        <v>831</v>
      </c>
      <c r="L48" s="181"/>
      <c r="M48" s="181"/>
      <c r="N48" s="181">
        <f>'実質公債費比率（分子）の構造'!O$46</f>
        <v>3071</v>
      </c>
      <c r="O48" s="181"/>
      <c r="P48" s="181"/>
    </row>
    <row r="49" spans="1:16" x14ac:dyDescent="0.2">
      <c r="A49" s="181" t="s">
        <v>70</v>
      </c>
      <c r="B49" s="181">
        <f>'実質公債費比率（分子）の構造'!K$45</f>
        <v>30074</v>
      </c>
      <c r="C49" s="181"/>
      <c r="D49" s="181"/>
      <c r="E49" s="181">
        <f>'実質公債費比率（分子）の構造'!L$45</f>
        <v>29722</v>
      </c>
      <c r="F49" s="181"/>
      <c r="G49" s="181"/>
      <c r="H49" s="181">
        <f>'実質公債費比率（分子）の構造'!M$45</f>
        <v>27659</v>
      </c>
      <c r="I49" s="181"/>
      <c r="J49" s="181"/>
      <c r="K49" s="181">
        <f>'実質公債費比率（分子）の構造'!N$45</f>
        <v>26574</v>
      </c>
      <c r="L49" s="181"/>
      <c r="M49" s="181"/>
      <c r="N49" s="181">
        <f>'実質公債費比率（分子）の構造'!O$45</f>
        <v>26386</v>
      </c>
      <c r="O49" s="181"/>
      <c r="P49" s="181"/>
    </row>
    <row r="50" spans="1:16" x14ac:dyDescent="0.2">
      <c r="A50" s="181" t="s">
        <v>71</v>
      </c>
      <c r="B50" s="181" t="e">
        <f>NA()</f>
        <v>#N/A</v>
      </c>
      <c r="C50" s="181">
        <f>IF(ISNUMBER('実質公債費比率（分子）の構造'!K$53),'実質公債費比率（分子）の構造'!K$53,NA())</f>
        <v>20182</v>
      </c>
      <c r="D50" s="181" t="e">
        <f>NA()</f>
        <v>#N/A</v>
      </c>
      <c r="E50" s="181" t="e">
        <f>NA()</f>
        <v>#N/A</v>
      </c>
      <c r="F50" s="181">
        <f>IF(ISNUMBER('実質公債費比率（分子）の構造'!L$53),'実質公債費比率（分子）の構造'!L$53,NA())</f>
        <v>17549</v>
      </c>
      <c r="G50" s="181" t="e">
        <f>NA()</f>
        <v>#N/A</v>
      </c>
      <c r="H50" s="181" t="e">
        <f>NA()</f>
        <v>#N/A</v>
      </c>
      <c r="I50" s="181">
        <f>IF(ISNUMBER('実質公債費比率（分子）の構造'!M$53),'実質公債費比率（分子）の構造'!M$53,NA())</f>
        <v>20533</v>
      </c>
      <c r="J50" s="181" t="e">
        <f>NA()</f>
        <v>#N/A</v>
      </c>
      <c r="K50" s="181" t="e">
        <f>NA()</f>
        <v>#N/A</v>
      </c>
      <c r="L50" s="181">
        <f>IF(ISNUMBER('実質公債費比率（分子）の構造'!N$53),'実質公債費比率（分子）の構造'!N$53,NA())</f>
        <v>21111</v>
      </c>
      <c r="M50" s="181" t="e">
        <f>NA()</f>
        <v>#N/A</v>
      </c>
      <c r="N50" s="181" t="e">
        <f>NA()</f>
        <v>#N/A</v>
      </c>
      <c r="O50" s="181">
        <f>IF(ISNUMBER('実質公債費比率（分子）の構造'!O$53),'実質公債費比率（分子）の構造'!O$53,NA())</f>
        <v>25883</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524027</v>
      </c>
      <c r="E56" s="180"/>
      <c r="F56" s="180"/>
      <c r="G56" s="180">
        <f>'将来負担比率（分子）の構造'!J$52</f>
        <v>505035</v>
      </c>
      <c r="H56" s="180"/>
      <c r="I56" s="180"/>
      <c r="J56" s="180">
        <f>'将来負担比率（分子）の構造'!K$52</f>
        <v>485164</v>
      </c>
      <c r="K56" s="180"/>
      <c r="L56" s="180"/>
      <c r="M56" s="180">
        <f>'将来負担比率（分子）の構造'!L$52</f>
        <v>459442</v>
      </c>
      <c r="N56" s="180"/>
      <c r="O56" s="180"/>
      <c r="P56" s="180">
        <f>'将来負担比率（分子）の構造'!M$52</f>
        <v>437760</v>
      </c>
    </row>
    <row r="57" spans="1:16" x14ac:dyDescent="0.2">
      <c r="A57" s="180" t="s">
        <v>42</v>
      </c>
      <c r="B57" s="180"/>
      <c r="C57" s="180"/>
      <c r="D57" s="180">
        <f>'将来負担比率（分子）の構造'!I$51</f>
        <v>279344</v>
      </c>
      <c r="E57" s="180"/>
      <c r="F57" s="180"/>
      <c r="G57" s="180">
        <f>'将来負担比率（分子）の構造'!J$51</f>
        <v>272970</v>
      </c>
      <c r="H57" s="180"/>
      <c r="I57" s="180"/>
      <c r="J57" s="180">
        <f>'将来負担比率（分子）の構造'!K$51</f>
        <v>264585</v>
      </c>
      <c r="K57" s="180"/>
      <c r="L57" s="180"/>
      <c r="M57" s="180">
        <f>'将来負担比率（分子）の構造'!L$51</f>
        <v>250365</v>
      </c>
      <c r="N57" s="180"/>
      <c r="O57" s="180"/>
      <c r="P57" s="180">
        <f>'将来負担比率（分子）の構造'!M$51</f>
        <v>247958</v>
      </c>
    </row>
    <row r="58" spans="1:16" x14ac:dyDescent="0.2">
      <c r="A58" s="180" t="s">
        <v>41</v>
      </c>
      <c r="B58" s="180"/>
      <c r="C58" s="180"/>
      <c r="D58" s="180">
        <f>'将来負担比率（分子）の構造'!I$50</f>
        <v>209039</v>
      </c>
      <c r="E58" s="180"/>
      <c r="F58" s="180"/>
      <c r="G58" s="180">
        <f>'将来負担比率（分子）の構造'!J$50</f>
        <v>223464</v>
      </c>
      <c r="H58" s="180"/>
      <c r="I58" s="180"/>
      <c r="J58" s="180">
        <f>'将来負担比率（分子）の構造'!K$50</f>
        <v>227690</v>
      </c>
      <c r="K58" s="180"/>
      <c r="L58" s="180"/>
      <c r="M58" s="180">
        <f>'将来負担比率（分子）の構造'!L$50</f>
        <v>234155</v>
      </c>
      <c r="N58" s="180"/>
      <c r="O58" s="180"/>
      <c r="P58" s="180">
        <f>'将来負担比率（分子）の構造'!M$50</f>
        <v>238846</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f>'将来負担比率（分子）の構造'!I$46</f>
        <v>594</v>
      </c>
      <c r="C61" s="180"/>
      <c r="D61" s="180"/>
      <c r="E61" s="180">
        <f>'将来負担比率（分子）の構造'!J$46</f>
        <v>362</v>
      </c>
      <c r="F61" s="180"/>
      <c r="G61" s="180"/>
      <c r="H61" s="180">
        <f>'将来負担比率（分子）の構造'!K$46</f>
        <v>262</v>
      </c>
      <c r="I61" s="180"/>
      <c r="J61" s="180"/>
      <c r="K61" s="180">
        <f>'将来負担比率（分子）の構造'!L$46</f>
        <v>130</v>
      </c>
      <c r="L61" s="180"/>
      <c r="M61" s="180"/>
      <c r="N61" s="180">
        <f>'将来負担比率（分子）の構造'!M$46</f>
        <v>93</v>
      </c>
      <c r="O61" s="180"/>
      <c r="P61" s="180"/>
    </row>
    <row r="62" spans="1:16" x14ac:dyDescent="0.2">
      <c r="A62" s="180" t="s">
        <v>35</v>
      </c>
      <c r="B62" s="180">
        <f>'将来負担比率（分子）の構造'!I$45</f>
        <v>77230</v>
      </c>
      <c r="C62" s="180"/>
      <c r="D62" s="180"/>
      <c r="E62" s="180">
        <f>'将来負担比率（分子）の構造'!J$45</f>
        <v>74306</v>
      </c>
      <c r="F62" s="180"/>
      <c r="G62" s="180"/>
      <c r="H62" s="180">
        <f>'将来負担比率（分子）の構造'!K$45</f>
        <v>73234</v>
      </c>
      <c r="I62" s="180"/>
      <c r="J62" s="180"/>
      <c r="K62" s="180">
        <f>'将来負担比率（分子）の構造'!L$45</f>
        <v>105548</v>
      </c>
      <c r="L62" s="180"/>
      <c r="M62" s="180"/>
      <c r="N62" s="180">
        <f>'将来負担比率（分子）の構造'!M$45</f>
        <v>101660</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186000</v>
      </c>
      <c r="C64" s="180"/>
      <c r="D64" s="180"/>
      <c r="E64" s="180">
        <f>'将来負担比率（分子）の構造'!J$43</f>
        <v>167725</v>
      </c>
      <c r="F64" s="180"/>
      <c r="G64" s="180"/>
      <c r="H64" s="180">
        <f>'将来負担比率（分子）の構造'!K$43</f>
        <v>156351</v>
      </c>
      <c r="I64" s="180"/>
      <c r="J64" s="180"/>
      <c r="K64" s="180">
        <f>'将来負担比率（分子）の構造'!L$43</f>
        <v>142358</v>
      </c>
      <c r="L64" s="180"/>
      <c r="M64" s="180"/>
      <c r="N64" s="180">
        <f>'将来負担比率（分子）の構造'!M$43</f>
        <v>141684</v>
      </c>
      <c r="O64" s="180"/>
      <c r="P64" s="180"/>
    </row>
    <row r="65" spans="1:16" x14ac:dyDescent="0.2">
      <c r="A65" s="180" t="s">
        <v>32</v>
      </c>
      <c r="B65" s="180">
        <f>'将来負担比率（分子）の構造'!I$42</f>
        <v>22062</v>
      </c>
      <c r="C65" s="180"/>
      <c r="D65" s="180"/>
      <c r="E65" s="180">
        <f>'将来負担比率（分子）の構造'!J$42</f>
        <v>34177</v>
      </c>
      <c r="F65" s="180"/>
      <c r="G65" s="180"/>
      <c r="H65" s="180">
        <f>'将来負担比率（分子）の構造'!K$42</f>
        <v>34475</v>
      </c>
      <c r="I65" s="180"/>
      <c r="J65" s="180"/>
      <c r="K65" s="180">
        <f>'将来負担比率（分子）の構造'!L$42</f>
        <v>29343</v>
      </c>
      <c r="L65" s="180"/>
      <c r="M65" s="180"/>
      <c r="N65" s="180">
        <f>'将来負担比率（分子）の構造'!M$42</f>
        <v>26270</v>
      </c>
      <c r="O65" s="180"/>
      <c r="P65" s="180"/>
    </row>
    <row r="66" spans="1:16" x14ac:dyDescent="0.2">
      <c r="A66" s="180" t="s">
        <v>31</v>
      </c>
      <c r="B66" s="180">
        <f>'将来負担比率（分子）の構造'!I$41</f>
        <v>1028239</v>
      </c>
      <c r="C66" s="180"/>
      <c r="D66" s="180"/>
      <c r="E66" s="180">
        <f>'将来負担比率（分子）の構造'!J$41</f>
        <v>1036189</v>
      </c>
      <c r="F66" s="180"/>
      <c r="G66" s="180"/>
      <c r="H66" s="180">
        <f>'将来負担比率（分子）の構造'!K$41</f>
        <v>1035000</v>
      </c>
      <c r="I66" s="180"/>
      <c r="J66" s="180"/>
      <c r="K66" s="180">
        <f>'将来負担比率（分子）の構造'!L$41</f>
        <v>1053471</v>
      </c>
      <c r="L66" s="180"/>
      <c r="M66" s="180"/>
      <c r="N66" s="180">
        <f>'将来負担比率（分子）の構造'!M$41</f>
        <v>1049364</v>
      </c>
      <c r="O66" s="180"/>
      <c r="P66" s="180"/>
    </row>
    <row r="67" spans="1:16" x14ac:dyDescent="0.2">
      <c r="A67" s="180" t="s">
        <v>75</v>
      </c>
      <c r="B67" s="180" t="e">
        <f>NA()</f>
        <v>#N/A</v>
      </c>
      <c r="C67" s="180">
        <f>IF(ISNUMBER('将来負担比率（分子）の構造'!I$53), IF('将来負担比率（分子）の構造'!I$53 &lt; 0, 0, '将来負担比率（分子）の構造'!I$53), NA())</f>
        <v>301715</v>
      </c>
      <c r="D67" s="180" t="e">
        <f>NA()</f>
        <v>#N/A</v>
      </c>
      <c r="E67" s="180" t="e">
        <f>NA()</f>
        <v>#N/A</v>
      </c>
      <c r="F67" s="180">
        <f>IF(ISNUMBER('将来負担比率（分子）の構造'!J$53), IF('将来負担比率（分子）の構造'!J$53 &lt; 0, 0, '将来負担比率（分子）の構造'!J$53), NA())</f>
        <v>311291</v>
      </c>
      <c r="G67" s="180" t="e">
        <f>NA()</f>
        <v>#N/A</v>
      </c>
      <c r="H67" s="180" t="e">
        <f>NA()</f>
        <v>#N/A</v>
      </c>
      <c r="I67" s="180">
        <f>IF(ISNUMBER('将来負担比率（分子）の構造'!K$53), IF('将来負担比率（分子）の構造'!K$53 &lt; 0, 0, '将来負担比率（分子）の構造'!K$53), NA())</f>
        <v>321884</v>
      </c>
      <c r="J67" s="180" t="e">
        <f>NA()</f>
        <v>#N/A</v>
      </c>
      <c r="K67" s="180" t="e">
        <f>NA()</f>
        <v>#N/A</v>
      </c>
      <c r="L67" s="180">
        <f>IF(ISNUMBER('将来負担比率（分子）の構造'!L$53), IF('将来負担比率（分子）の構造'!L$53 &lt; 0, 0, '将来負担比率（分子）の構造'!L$53), NA())</f>
        <v>386888</v>
      </c>
      <c r="M67" s="180" t="e">
        <f>NA()</f>
        <v>#N/A</v>
      </c>
      <c r="N67" s="180" t="e">
        <f>NA()</f>
        <v>#N/A</v>
      </c>
      <c r="O67" s="180">
        <f>IF(ISNUMBER('将来負担比率（分子）の構造'!M$53), IF('将来負担比率（分子）の構造'!M$53 &lt; 0, 0, '将来負担比率（分子）の構造'!M$53), NA())</f>
        <v>394508</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5441</v>
      </c>
      <c r="C72" s="184">
        <f>基金残高に係る経年分析!G55</f>
        <v>5663</v>
      </c>
      <c r="D72" s="184">
        <f>基金残高に係る経年分析!H55</f>
        <v>6121</v>
      </c>
    </row>
    <row r="73" spans="1:16" x14ac:dyDescent="0.2">
      <c r="A73" s="183" t="s">
        <v>78</v>
      </c>
      <c r="B73" s="184">
        <f>基金残高に係る経年分析!F56</f>
        <v>444</v>
      </c>
      <c r="C73" s="184">
        <f>基金残高に係る経年分析!G56</f>
        <v>742</v>
      </c>
      <c r="D73" s="184">
        <f>基金残高に係る経年分析!H56</f>
        <v>839</v>
      </c>
    </row>
    <row r="74" spans="1:16" x14ac:dyDescent="0.2">
      <c r="A74" s="183" t="s">
        <v>79</v>
      </c>
      <c r="B74" s="184">
        <f>基金残高に係る経年分析!F57</f>
        <v>24758</v>
      </c>
      <c r="C74" s="184">
        <f>基金残高に係る経年分析!G57</f>
        <v>23285</v>
      </c>
      <c r="D74" s="184">
        <f>基金残高に係る経年分析!H57</f>
        <v>22315</v>
      </c>
    </row>
  </sheetData>
  <sheetProtection algorithmName="SHA-512" hashValue="A1J11i4HnnERUr4b7ngli3tayLTQd1aYLslZS+ftHuYncPkzjBEAzbPk/G9Otw2RSQuN4Li6B/GThE0roK0ARg==" saltValue="rgP+7MPuMGYoOZt8SEGoa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2</v>
      </c>
      <c r="DI1" s="794"/>
      <c r="DJ1" s="794"/>
      <c r="DK1" s="794"/>
      <c r="DL1" s="794"/>
      <c r="DM1" s="794"/>
      <c r="DN1" s="795"/>
      <c r="DO1" s="225"/>
      <c r="DP1" s="793" t="s">
        <v>213</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4</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5</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6</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7</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18</v>
      </c>
      <c r="S4" s="736"/>
      <c r="T4" s="736"/>
      <c r="U4" s="736"/>
      <c r="V4" s="736"/>
      <c r="W4" s="736"/>
      <c r="X4" s="736"/>
      <c r="Y4" s="737"/>
      <c r="Z4" s="735" t="s">
        <v>219</v>
      </c>
      <c r="AA4" s="736"/>
      <c r="AB4" s="736"/>
      <c r="AC4" s="737"/>
      <c r="AD4" s="735" t="s">
        <v>220</v>
      </c>
      <c r="AE4" s="736"/>
      <c r="AF4" s="736"/>
      <c r="AG4" s="736"/>
      <c r="AH4" s="736"/>
      <c r="AI4" s="736"/>
      <c r="AJ4" s="736"/>
      <c r="AK4" s="737"/>
      <c r="AL4" s="735" t="s">
        <v>219</v>
      </c>
      <c r="AM4" s="736"/>
      <c r="AN4" s="736"/>
      <c r="AO4" s="737"/>
      <c r="AP4" s="796" t="s">
        <v>221</v>
      </c>
      <c r="AQ4" s="796"/>
      <c r="AR4" s="796"/>
      <c r="AS4" s="796"/>
      <c r="AT4" s="796"/>
      <c r="AU4" s="796"/>
      <c r="AV4" s="796"/>
      <c r="AW4" s="796"/>
      <c r="AX4" s="796"/>
      <c r="AY4" s="796"/>
      <c r="AZ4" s="796"/>
      <c r="BA4" s="796"/>
      <c r="BB4" s="796"/>
      <c r="BC4" s="796"/>
      <c r="BD4" s="796"/>
      <c r="BE4" s="796"/>
      <c r="BF4" s="796"/>
      <c r="BG4" s="796" t="s">
        <v>222</v>
      </c>
      <c r="BH4" s="796"/>
      <c r="BI4" s="796"/>
      <c r="BJ4" s="796"/>
      <c r="BK4" s="796"/>
      <c r="BL4" s="796"/>
      <c r="BM4" s="796"/>
      <c r="BN4" s="796"/>
      <c r="BO4" s="796" t="s">
        <v>219</v>
      </c>
      <c r="BP4" s="796"/>
      <c r="BQ4" s="796"/>
      <c r="BR4" s="796"/>
      <c r="BS4" s="796" t="s">
        <v>223</v>
      </c>
      <c r="BT4" s="796"/>
      <c r="BU4" s="796"/>
      <c r="BV4" s="796"/>
      <c r="BW4" s="796"/>
      <c r="BX4" s="796"/>
      <c r="BY4" s="796"/>
      <c r="BZ4" s="796"/>
      <c r="CA4" s="796"/>
      <c r="CB4" s="796"/>
      <c r="CD4" s="778" t="s">
        <v>224</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5</v>
      </c>
      <c r="C5" s="761"/>
      <c r="D5" s="761"/>
      <c r="E5" s="761"/>
      <c r="F5" s="761"/>
      <c r="G5" s="761"/>
      <c r="H5" s="761"/>
      <c r="I5" s="761"/>
      <c r="J5" s="761"/>
      <c r="K5" s="761"/>
      <c r="L5" s="761"/>
      <c r="M5" s="761"/>
      <c r="N5" s="761"/>
      <c r="O5" s="761"/>
      <c r="P5" s="761"/>
      <c r="Q5" s="762"/>
      <c r="R5" s="726">
        <v>353077005</v>
      </c>
      <c r="S5" s="727"/>
      <c r="T5" s="727"/>
      <c r="U5" s="727"/>
      <c r="V5" s="727"/>
      <c r="W5" s="727"/>
      <c r="X5" s="727"/>
      <c r="Y5" s="773"/>
      <c r="Z5" s="791">
        <v>49.4</v>
      </c>
      <c r="AA5" s="791"/>
      <c r="AB5" s="791"/>
      <c r="AC5" s="791"/>
      <c r="AD5" s="792">
        <v>327235747</v>
      </c>
      <c r="AE5" s="792"/>
      <c r="AF5" s="792"/>
      <c r="AG5" s="792"/>
      <c r="AH5" s="792"/>
      <c r="AI5" s="792"/>
      <c r="AJ5" s="792"/>
      <c r="AK5" s="792"/>
      <c r="AL5" s="774">
        <v>86.9</v>
      </c>
      <c r="AM5" s="743"/>
      <c r="AN5" s="743"/>
      <c r="AO5" s="775"/>
      <c r="AP5" s="760" t="s">
        <v>226</v>
      </c>
      <c r="AQ5" s="761"/>
      <c r="AR5" s="761"/>
      <c r="AS5" s="761"/>
      <c r="AT5" s="761"/>
      <c r="AU5" s="761"/>
      <c r="AV5" s="761"/>
      <c r="AW5" s="761"/>
      <c r="AX5" s="761"/>
      <c r="AY5" s="761"/>
      <c r="AZ5" s="761"/>
      <c r="BA5" s="761"/>
      <c r="BB5" s="761"/>
      <c r="BC5" s="761"/>
      <c r="BD5" s="761"/>
      <c r="BE5" s="761"/>
      <c r="BF5" s="762"/>
      <c r="BG5" s="661">
        <v>318309051</v>
      </c>
      <c r="BH5" s="664"/>
      <c r="BI5" s="664"/>
      <c r="BJ5" s="664"/>
      <c r="BK5" s="664"/>
      <c r="BL5" s="664"/>
      <c r="BM5" s="664"/>
      <c r="BN5" s="665"/>
      <c r="BO5" s="723">
        <v>90.2</v>
      </c>
      <c r="BP5" s="723"/>
      <c r="BQ5" s="723"/>
      <c r="BR5" s="723"/>
      <c r="BS5" s="724">
        <v>2336472</v>
      </c>
      <c r="BT5" s="724"/>
      <c r="BU5" s="724"/>
      <c r="BV5" s="724"/>
      <c r="BW5" s="724"/>
      <c r="BX5" s="724"/>
      <c r="BY5" s="724"/>
      <c r="BZ5" s="724"/>
      <c r="CA5" s="724"/>
      <c r="CB5" s="765"/>
      <c r="CD5" s="778" t="s">
        <v>221</v>
      </c>
      <c r="CE5" s="779"/>
      <c r="CF5" s="779"/>
      <c r="CG5" s="779"/>
      <c r="CH5" s="779"/>
      <c r="CI5" s="779"/>
      <c r="CJ5" s="779"/>
      <c r="CK5" s="779"/>
      <c r="CL5" s="779"/>
      <c r="CM5" s="779"/>
      <c r="CN5" s="779"/>
      <c r="CO5" s="779"/>
      <c r="CP5" s="779"/>
      <c r="CQ5" s="780"/>
      <c r="CR5" s="778" t="s">
        <v>227</v>
      </c>
      <c r="CS5" s="779"/>
      <c r="CT5" s="779"/>
      <c r="CU5" s="779"/>
      <c r="CV5" s="779"/>
      <c r="CW5" s="779"/>
      <c r="CX5" s="779"/>
      <c r="CY5" s="780"/>
      <c r="CZ5" s="778" t="s">
        <v>219</v>
      </c>
      <c r="DA5" s="779"/>
      <c r="DB5" s="779"/>
      <c r="DC5" s="780"/>
      <c r="DD5" s="778" t="s">
        <v>228</v>
      </c>
      <c r="DE5" s="779"/>
      <c r="DF5" s="779"/>
      <c r="DG5" s="779"/>
      <c r="DH5" s="779"/>
      <c r="DI5" s="779"/>
      <c r="DJ5" s="779"/>
      <c r="DK5" s="779"/>
      <c r="DL5" s="779"/>
      <c r="DM5" s="779"/>
      <c r="DN5" s="779"/>
      <c r="DO5" s="779"/>
      <c r="DP5" s="780"/>
      <c r="DQ5" s="778" t="s">
        <v>229</v>
      </c>
      <c r="DR5" s="779"/>
      <c r="DS5" s="779"/>
      <c r="DT5" s="779"/>
      <c r="DU5" s="779"/>
      <c r="DV5" s="779"/>
      <c r="DW5" s="779"/>
      <c r="DX5" s="779"/>
      <c r="DY5" s="779"/>
      <c r="DZ5" s="779"/>
      <c r="EA5" s="779"/>
      <c r="EB5" s="779"/>
      <c r="EC5" s="780"/>
    </row>
    <row r="6" spans="2:143" ht="11.25" customHeight="1" x14ac:dyDescent="0.2">
      <c r="B6" s="658" t="s">
        <v>230</v>
      </c>
      <c r="C6" s="659"/>
      <c r="D6" s="659"/>
      <c r="E6" s="659"/>
      <c r="F6" s="659"/>
      <c r="G6" s="659"/>
      <c r="H6" s="659"/>
      <c r="I6" s="659"/>
      <c r="J6" s="659"/>
      <c r="K6" s="659"/>
      <c r="L6" s="659"/>
      <c r="M6" s="659"/>
      <c r="N6" s="659"/>
      <c r="O6" s="659"/>
      <c r="P6" s="659"/>
      <c r="Q6" s="660"/>
      <c r="R6" s="661">
        <v>3333651</v>
      </c>
      <c r="S6" s="664"/>
      <c r="T6" s="664"/>
      <c r="U6" s="664"/>
      <c r="V6" s="664"/>
      <c r="W6" s="664"/>
      <c r="X6" s="664"/>
      <c r="Y6" s="665"/>
      <c r="Z6" s="723">
        <v>0.5</v>
      </c>
      <c r="AA6" s="723"/>
      <c r="AB6" s="723"/>
      <c r="AC6" s="723"/>
      <c r="AD6" s="724">
        <v>3333651</v>
      </c>
      <c r="AE6" s="724"/>
      <c r="AF6" s="724"/>
      <c r="AG6" s="724"/>
      <c r="AH6" s="724"/>
      <c r="AI6" s="724"/>
      <c r="AJ6" s="724"/>
      <c r="AK6" s="724"/>
      <c r="AL6" s="666">
        <v>0.9</v>
      </c>
      <c r="AM6" s="667"/>
      <c r="AN6" s="667"/>
      <c r="AO6" s="725"/>
      <c r="AP6" s="658" t="s">
        <v>231</v>
      </c>
      <c r="AQ6" s="659"/>
      <c r="AR6" s="659"/>
      <c r="AS6" s="659"/>
      <c r="AT6" s="659"/>
      <c r="AU6" s="659"/>
      <c r="AV6" s="659"/>
      <c r="AW6" s="659"/>
      <c r="AX6" s="659"/>
      <c r="AY6" s="659"/>
      <c r="AZ6" s="659"/>
      <c r="BA6" s="659"/>
      <c r="BB6" s="659"/>
      <c r="BC6" s="659"/>
      <c r="BD6" s="659"/>
      <c r="BE6" s="659"/>
      <c r="BF6" s="660"/>
      <c r="BG6" s="661">
        <v>318309051</v>
      </c>
      <c r="BH6" s="664"/>
      <c r="BI6" s="664"/>
      <c r="BJ6" s="664"/>
      <c r="BK6" s="664"/>
      <c r="BL6" s="664"/>
      <c r="BM6" s="664"/>
      <c r="BN6" s="665"/>
      <c r="BO6" s="723">
        <v>90.2</v>
      </c>
      <c r="BP6" s="723"/>
      <c r="BQ6" s="723"/>
      <c r="BR6" s="723"/>
      <c r="BS6" s="724">
        <v>2336472</v>
      </c>
      <c r="BT6" s="724"/>
      <c r="BU6" s="724"/>
      <c r="BV6" s="724"/>
      <c r="BW6" s="724"/>
      <c r="BX6" s="724"/>
      <c r="BY6" s="724"/>
      <c r="BZ6" s="724"/>
      <c r="CA6" s="724"/>
      <c r="CB6" s="765"/>
      <c r="CD6" s="732" t="s">
        <v>232</v>
      </c>
      <c r="CE6" s="733"/>
      <c r="CF6" s="733"/>
      <c r="CG6" s="733"/>
      <c r="CH6" s="733"/>
      <c r="CI6" s="733"/>
      <c r="CJ6" s="733"/>
      <c r="CK6" s="733"/>
      <c r="CL6" s="733"/>
      <c r="CM6" s="733"/>
      <c r="CN6" s="733"/>
      <c r="CO6" s="733"/>
      <c r="CP6" s="733"/>
      <c r="CQ6" s="734"/>
      <c r="CR6" s="661">
        <v>1704711</v>
      </c>
      <c r="CS6" s="664"/>
      <c r="CT6" s="664"/>
      <c r="CU6" s="664"/>
      <c r="CV6" s="664"/>
      <c r="CW6" s="664"/>
      <c r="CX6" s="664"/>
      <c r="CY6" s="665"/>
      <c r="CZ6" s="774">
        <v>0.2</v>
      </c>
      <c r="DA6" s="743"/>
      <c r="DB6" s="743"/>
      <c r="DC6" s="777"/>
      <c r="DD6" s="669" t="s">
        <v>233</v>
      </c>
      <c r="DE6" s="664"/>
      <c r="DF6" s="664"/>
      <c r="DG6" s="664"/>
      <c r="DH6" s="664"/>
      <c r="DI6" s="664"/>
      <c r="DJ6" s="664"/>
      <c r="DK6" s="664"/>
      <c r="DL6" s="664"/>
      <c r="DM6" s="664"/>
      <c r="DN6" s="664"/>
      <c r="DO6" s="664"/>
      <c r="DP6" s="665"/>
      <c r="DQ6" s="669">
        <v>1704676</v>
      </c>
      <c r="DR6" s="664"/>
      <c r="DS6" s="664"/>
      <c r="DT6" s="664"/>
      <c r="DU6" s="664"/>
      <c r="DV6" s="664"/>
      <c r="DW6" s="664"/>
      <c r="DX6" s="664"/>
      <c r="DY6" s="664"/>
      <c r="DZ6" s="664"/>
      <c r="EA6" s="664"/>
      <c r="EB6" s="664"/>
      <c r="EC6" s="704"/>
    </row>
    <row r="7" spans="2:143" ht="11.25" customHeight="1" x14ac:dyDescent="0.2">
      <c r="B7" s="658" t="s">
        <v>234</v>
      </c>
      <c r="C7" s="659"/>
      <c r="D7" s="659"/>
      <c r="E7" s="659"/>
      <c r="F7" s="659"/>
      <c r="G7" s="659"/>
      <c r="H7" s="659"/>
      <c r="I7" s="659"/>
      <c r="J7" s="659"/>
      <c r="K7" s="659"/>
      <c r="L7" s="659"/>
      <c r="M7" s="659"/>
      <c r="N7" s="659"/>
      <c r="O7" s="659"/>
      <c r="P7" s="659"/>
      <c r="Q7" s="660"/>
      <c r="R7" s="661">
        <v>344646</v>
      </c>
      <c r="S7" s="664"/>
      <c r="T7" s="664"/>
      <c r="U7" s="664"/>
      <c r="V7" s="664"/>
      <c r="W7" s="664"/>
      <c r="X7" s="664"/>
      <c r="Y7" s="665"/>
      <c r="Z7" s="723">
        <v>0</v>
      </c>
      <c r="AA7" s="723"/>
      <c r="AB7" s="723"/>
      <c r="AC7" s="723"/>
      <c r="AD7" s="724">
        <v>344646</v>
      </c>
      <c r="AE7" s="724"/>
      <c r="AF7" s="724"/>
      <c r="AG7" s="724"/>
      <c r="AH7" s="724"/>
      <c r="AI7" s="724"/>
      <c r="AJ7" s="724"/>
      <c r="AK7" s="724"/>
      <c r="AL7" s="666">
        <v>0.1</v>
      </c>
      <c r="AM7" s="667"/>
      <c r="AN7" s="667"/>
      <c r="AO7" s="725"/>
      <c r="AP7" s="658" t="s">
        <v>235</v>
      </c>
      <c r="AQ7" s="659"/>
      <c r="AR7" s="659"/>
      <c r="AS7" s="659"/>
      <c r="AT7" s="659"/>
      <c r="AU7" s="659"/>
      <c r="AV7" s="659"/>
      <c r="AW7" s="659"/>
      <c r="AX7" s="659"/>
      <c r="AY7" s="659"/>
      <c r="AZ7" s="659"/>
      <c r="BA7" s="659"/>
      <c r="BB7" s="659"/>
      <c r="BC7" s="659"/>
      <c r="BD7" s="659"/>
      <c r="BE7" s="659"/>
      <c r="BF7" s="660"/>
      <c r="BG7" s="661">
        <v>184933377</v>
      </c>
      <c r="BH7" s="664"/>
      <c r="BI7" s="664"/>
      <c r="BJ7" s="664"/>
      <c r="BK7" s="664"/>
      <c r="BL7" s="664"/>
      <c r="BM7" s="664"/>
      <c r="BN7" s="665"/>
      <c r="BO7" s="723">
        <v>52.4</v>
      </c>
      <c r="BP7" s="723"/>
      <c r="BQ7" s="723"/>
      <c r="BR7" s="723"/>
      <c r="BS7" s="724">
        <v>2336472</v>
      </c>
      <c r="BT7" s="724"/>
      <c r="BU7" s="724"/>
      <c r="BV7" s="724"/>
      <c r="BW7" s="724"/>
      <c r="BX7" s="724"/>
      <c r="BY7" s="724"/>
      <c r="BZ7" s="724"/>
      <c r="CA7" s="724"/>
      <c r="CB7" s="765"/>
      <c r="CD7" s="705" t="s">
        <v>236</v>
      </c>
      <c r="CE7" s="702"/>
      <c r="CF7" s="702"/>
      <c r="CG7" s="702"/>
      <c r="CH7" s="702"/>
      <c r="CI7" s="702"/>
      <c r="CJ7" s="702"/>
      <c r="CK7" s="702"/>
      <c r="CL7" s="702"/>
      <c r="CM7" s="702"/>
      <c r="CN7" s="702"/>
      <c r="CO7" s="702"/>
      <c r="CP7" s="702"/>
      <c r="CQ7" s="703"/>
      <c r="CR7" s="661">
        <v>70647905</v>
      </c>
      <c r="CS7" s="664"/>
      <c r="CT7" s="664"/>
      <c r="CU7" s="664"/>
      <c r="CV7" s="664"/>
      <c r="CW7" s="664"/>
      <c r="CX7" s="664"/>
      <c r="CY7" s="665"/>
      <c r="CZ7" s="723">
        <v>9.9</v>
      </c>
      <c r="DA7" s="723"/>
      <c r="DB7" s="723"/>
      <c r="DC7" s="723"/>
      <c r="DD7" s="669">
        <v>1710764</v>
      </c>
      <c r="DE7" s="664"/>
      <c r="DF7" s="664"/>
      <c r="DG7" s="664"/>
      <c r="DH7" s="664"/>
      <c r="DI7" s="664"/>
      <c r="DJ7" s="664"/>
      <c r="DK7" s="664"/>
      <c r="DL7" s="664"/>
      <c r="DM7" s="664"/>
      <c r="DN7" s="664"/>
      <c r="DO7" s="664"/>
      <c r="DP7" s="665"/>
      <c r="DQ7" s="669">
        <v>63247358</v>
      </c>
      <c r="DR7" s="664"/>
      <c r="DS7" s="664"/>
      <c r="DT7" s="664"/>
      <c r="DU7" s="664"/>
      <c r="DV7" s="664"/>
      <c r="DW7" s="664"/>
      <c r="DX7" s="664"/>
      <c r="DY7" s="664"/>
      <c r="DZ7" s="664"/>
      <c r="EA7" s="664"/>
      <c r="EB7" s="664"/>
      <c r="EC7" s="704"/>
    </row>
    <row r="8" spans="2:143" ht="11.25" customHeight="1" x14ac:dyDescent="0.2">
      <c r="B8" s="658" t="s">
        <v>237</v>
      </c>
      <c r="C8" s="659"/>
      <c r="D8" s="659"/>
      <c r="E8" s="659"/>
      <c r="F8" s="659"/>
      <c r="G8" s="659"/>
      <c r="H8" s="659"/>
      <c r="I8" s="659"/>
      <c r="J8" s="659"/>
      <c r="K8" s="659"/>
      <c r="L8" s="659"/>
      <c r="M8" s="659"/>
      <c r="N8" s="659"/>
      <c r="O8" s="659"/>
      <c r="P8" s="659"/>
      <c r="Q8" s="660"/>
      <c r="R8" s="661">
        <v>1448364</v>
      </c>
      <c r="S8" s="664"/>
      <c r="T8" s="664"/>
      <c r="U8" s="664"/>
      <c r="V8" s="664"/>
      <c r="W8" s="664"/>
      <c r="X8" s="664"/>
      <c r="Y8" s="665"/>
      <c r="Z8" s="723">
        <v>0.2</v>
      </c>
      <c r="AA8" s="723"/>
      <c r="AB8" s="723"/>
      <c r="AC8" s="723"/>
      <c r="AD8" s="724">
        <v>1448364</v>
      </c>
      <c r="AE8" s="724"/>
      <c r="AF8" s="724"/>
      <c r="AG8" s="724"/>
      <c r="AH8" s="724"/>
      <c r="AI8" s="724"/>
      <c r="AJ8" s="724"/>
      <c r="AK8" s="724"/>
      <c r="AL8" s="666">
        <v>0.4</v>
      </c>
      <c r="AM8" s="667"/>
      <c r="AN8" s="667"/>
      <c r="AO8" s="725"/>
      <c r="AP8" s="658" t="s">
        <v>238</v>
      </c>
      <c r="AQ8" s="659"/>
      <c r="AR8" s="659"/>
      <c r="AS8" s="659"/>
      <c r="AT8" s="659"/>
      <c r="AU8" s="659"/>
      <c r="AV8" s="659"/>
      <c r="AW8" s="659"/>
      <c r="AX8" s="659"/>
      <c r="AY8" s="659"/>
      <c r="AZ8" s="659"/>
      <c r="BA8" s="659"/>
      <c r="BB8" s="659"/>
      <c r="BC8" s="659"/>
      <c r="BD8" s="659"/>
      <c r="BE8" s="659"/>
      <c r="BF8" s="660"/>
      <c r="BG8" s="661">
        <v>2846482</v>
      </c>
      <c r="BH8" s="664"/>
      <c r="BI8" s="664"/>
      <c r="BJ8" s="664"/>
      <c r="BK8" s="664"/>
      <c r="BL8" s="664"/>
      <c r="BM8" s="664"/>
      <c r="BN8" s="665"/>
      <c r="BO8" s="723">
        <v>0.8</v>
      </c>
      <c r="BP8" s="723"/>
      <c r="BQ8" s="723"/>
      <c r="BR8" s="723"/>
      <c r="BS8" s="669" t="s">
        <v>138</v>
      </c>
      <c r="BT8" s="664"/>
      <c r="BU8" s="664"/>
      <c r="BV8" s="664"/>
      <c r="BW8" s="664"/>
      <c r="BX8" s="664"/>
      <c r="BY8" s="664"/>
      <c r="BZ8" s="664"/>
      <c r="CA8" s="664"/>
      <c r="CB8" s="704"/>
      <c r="CD8" s="705" t="s">
        <v>239</v>
      </c>
      <c r="CE8" s="702"/>
      <c r="CF8" s="702"/>
      <c r="CG8" s="702"/>
      <c r="CH8" s="702"/>
      <c r="CI8" s="702"/>
      <c r="CJ8" s="702"/>
      <c r="CK8" s="702"/>
      <c r="CL8" s="702"/>
      <c r="CM8" s="702"/>
      <c r="CN8" s="702"/>
      <c r="CO8" s="702"/>
      <c r="CP8" s="702"/>
      <c r="CQ8" s="703"/>
      <c r="CR8" s="661">
        <v>252560650</v>
      </c>
      <c r="CS8" s="664"/>
      <c r="CT8" s="664"/>
      <c r="CU8" s="664"/>
      <c r="CV8" s="664"/>
      <c r="CW8" s="664"/>
      <c r="CX8" s="664"/>
      <c r="CY8" s="665"/>
      <c r="CZ8" s="723">
        <v>35.5</v>
      </c>
      <c r="DA8" s="723"/>
      <c r="DB8" s="723"/>
      <c r="DC8" s="723"/>
      <c r="DD8" s="669">
        <v>4888454</v>
      </c>
      <c r="DE8" s="664"/>
      <c r="DF8" s="664"/>
      <c r="DG8" s="664"/>
      <c r="DH8" s="664"/>
      <c r="DI8" s="664"/>
      <c r="DJ8" s="664"/>
      <c r="DK8" s="664"/>
      <c r="DL8" s="664"/>
      <c r="DM8" s="664"/>
      <c r="DN8" s="664"/>
      <c r="DO8" s="664"/>
      <c r="DP8" s="665"/>
      <c r="DQ8" s="669">
        <v>125003767</v>
      </c>
      <c r="DR8" s="664"/>
      <c r="DS8" s="664"/>
      <c r="DT8" s="664"/>
      <c r="DU8" s="664"/>
      <c r="DV8" s="664"/>
      <c r="DW8" s="664"/>
      <c r="DX8" s="664"/>
      <c r="DY8" s="664"/>
      <c r="DZ8" s="664"/>
      <c r="EA8" s="664"/>
      <c r="EB8" s="664"/>
      <c r="EC8" s="704"/>
    </row>
    <row r="9" spans="2:143" ht="11.25" customHeight="1" x14ac:dyDescent="0.2">
      <c r="B9" s="658" t="s">
        <v>240</v>
      </c>
      <c r="C9" s="659"/>
      <c r="D9" s="659"/>
      <c r="E9" s="659"/>
      <c r="F9" s="659"/>
      <c r="G9" s="659"/>
      <c r="H9" s="659"/>
      <c r="I9" s="659"/>
      <c r="J9" s="659"/>
      <c r="K9" s="659"/>
      <c r="L9" s="659"/>
      <c r="M9" s="659"/>
      <c r="N9" s="659"/>
      <c r="O9" s="659"/>
      <c r="P9" s="659"/>
      <c r="Q9" s="660"/>
      <c r="R9" s="661">
        <v>1275034</v>
      </c>
      <c r="S9" s="664"/>
      <c r="T9" s="664"/>
      <c r="U9" s="664"/>
      <c r="V9" s="664"/>
      <c r="W9" s="664"/>
      <c r="X9" s="664"/>
      <c r="Y9" s="665"/>
      <c r="Z9" s="723">
        <v>0.2</v>
      </c>
      <c r="AA9" s="723"/>
      <c r="AB9" s="723"/>
      <c r="AC9" s="723"/>
      <c r="AD9" s="724">
        <v>1275034</v>
      </c>
      <c r="AE9" s="724"/>
      <c r="AF9" s="724"/>
      <c r="AG9" s="724"/>
      <c r="AH9" s="724"/>
      <c r="AI9" s="724"/>
      <c r="AJ9" s="724"/>
      <c r="AK9" s="724"/>
      <c r="AL9" s="666">
        <v>0.3</v>
      </c>
      <c r="AM9" s="667"/>
      <c r="AN9" s="667"/>
      <c r="AO9" s="725"/>
      <c r="AP9" s="658" t="s">
        <v>241</v>
      </c>
      <c r="AQ9" s="659"/>
      <c r="AR9" s="659"/>
      <c r="AS9" s="659"/>
      <c r="AT9" s="659"/>
      <c r="AU9" s="659"/>
      <c r="AV9" s="659"/>
      <c r="AW9" s="659"/>
      <c r="AX9" s="659"/>
      <c r="AY9" s="659"/>
      <c r="AZ9" s="659"/>
      <c r="BA9" s="659"/>
      <c r="BB9" s="659"/>
      <c r="BC9" s="659"/>
      <c r="BD9" s="659"/>
      <c r="BE9" s="659"/>
      <c r="BF9" s="660"/>
      <c r="BG9" s="661">
        <v>160250935</v>
      </c>
      <c r="BH9" s="664"/>
      <c r="BI9" s="664"/>
      <c r="BJ9" s="664"/>
      <c r="BK9" s="664"/>
      <c r="BL9" s="664"/>
      <c r="BM9" s="664"/>
      <c r="BN9" s="665"/>
      <c r="BO9" s="723">
        <v>45.4</v>
      </c>
      <c r="BP9" s="723"/>
      <c r="BQ9" s="723"/>
      <c r="BR9" s="723"/>
      <c r="BS9" s="669" t="s">
        <v>138</v>
      </c>
      <c r="BT9" s="664"/>
      <c r="BU9" s="664"/>
      <c r="BV9" s="664"/>
      <c r="BW9" s="664"/>
      <c r="BX9" s="664"/>
      <c r="BY9" s="664"/>
      <c r="BZ9" s="664"/>
      <c r="CA9" s="664"/>
      <c r="CB9" s="704"/>
      <c r="CD9" s="705" t="s">
        <v>242</v>
      </c>
      <c r="CE9" s="702"/>
      <c r="CF9" s="702"/>
      <c r="CG9" s="702"/>
      <c r="CH9" s="702"/>
      <c r="CI9" s="702"/>
      <c r="CJ9" s="702"/>
      <c r="CK9" s="702"/>
      <c r="CL9" s="702"/>
      <c r="CM9" s="702"/>
      <c r="CN9" s="702"/>
      <c r="CO9" s="702"/>
      <c r="CP9" s="702"/>
      <c r="CQ9" s="703"/>
      <c r="CR9" s="661">
        <v>61402820</v>
      </c>
      <c r="CS9" s="664"/>
      <c r="CT9" s="664"/>
      <c r="CU9" s="664"/>
      <c r="CV9" s="664"/>
      <c r="CW9" s="664"/>
      <c r="CX9" s="664"/>
      <c r="CY9" s="665"/>
      <c r="CZ9" s="723">
        <v>8.6</v>
      </c>
      <c r="DA9" s="723"/>
      <c r="DB9" s="723"/>
      <c r="DC9" s="723"/>
      <c r="DD9" s="669">
        <v>5706749</v>
      </c>
      <c r="DE9" s="664"/>
      <c r="DF9" s="664"/>
      <c r="DG9" s="664"/>
      <c r="DH9" s="664"/>
      <c r="DI9" s="664"/>
      <c r="DJ9" s="664"/>
      <c r="DK9" s="664"/>
      <c r="DL9" s="664"/>
      <c r="DM9" s="664"/>
      <c r="DN9" s="664"/>
      <c r="DO9" s="664"/>
      <c r="DP9" s="665"/>
      <c r="DQ9" s="669">
        <v>47202156</v>
      </c>
      <c r="DR9" s="664"/>
      <c r="DS9" s="664"/>
      <c r="DT9" s="664"/>
      <c r="DU9" s="664"/>
      <c r="DV9" s="664"/>
      <c r="DW9" s="664"/>
      <c r="DX9" s="664"/>
      <c r="DY9" s="664"/>
      <c r="DZ9" s="664"/>
      <c r="EA9" s="664"/>
      <c r="EB9" s="664"/>
      <c r="EC9" s="704"/>
    </row>
    <row r="10" spans="2:143" ht="11.25" customHeight="1" x14ac:dyDescent="0.2">
      <c r="B10" s="658" t="s">
        <v>243</v>
      </c>
      <c r="C10" s="659"/>
      <c r="D10" s="659"/>
      <c r="E10" s="659"/>
      <c r="F10" s="659"/>
      <c r="G10" s="659"/>
      <c r="H10" s="659"/>
      <c r="I10" s="659"/>
      <c r="J10" s="659"/>
      <c r="K10" s="659"/>
      <c r="L10" s="659"/>
      <c r="M10" s="659"/>
      <c r="N10" s="659"/>
      <c r="O10" s="659"/>
      <c r="P10" s="659"/>
      <c r="Q10" s="660"/>
      <c r="R10" s="661">
        <v>334133</v>
      </c>
      <c r="S10" s="664"/>
      <c r="T10" s="664"/>
      <c r="U10" s="664"/>
      <c r="V10" s="664"/>
      <c r="W10" s="664"/>
      <c r="X10" s="664"/>
      <c r="Y10" s="665"/>
      <c r="Z10" s="723">
        <v>0</v>
      </c>
      <c r="AA10" s="723"/>
      <c r="AB10" s="723"/>
      <c r="AC10" s="723"/>
      <c r="AD10" s="724">
        <v>334133</v>
      </c>
      <c r="AE10" s="724"/>
      <c r="AF10" s="724"/>
      <c r="AG10" s="724"/>
      <c r="AH10" s="724"/>
      <c r="AI10" s="724"/>
      <c r="AJ10" s="724"/>
      <c r="AK10" s="724"/>
      <c r="AL10" s="666">
        <v>0.1</v>
      </c>
      <c r="AM10" s="667"/>
      <c r="AN10" s="667"/>
      <c r="AO10" s="725"/>
      <c r="AP10" s="658" t="s">
        <v>244</v>
      </c>
      <c r="AQ10" s="659"/>
      <c r="AR10" s="659"/>
      <c r="AS10" s="659"/>
      <c r="AT10" s="659"/>
      <c r="AU10" s="659"/>
      <c r="AV10" s="659"/>
      <c r="AW10" s="659"/>
      <c r="AX10" s="659"/>
      <c r="AY10" s="659"/>
      <c r="AZ10" s="659"/>
      <c r="BA10" s="659"/>
      <c r="BB10" s="659"/>
      <c r="BC10" s="659"/>
      <c r="BD10" s="659"/>
      <c r="BE10" s="659"/>
      <c r="BF10" s="660"/>
      <c r="BG10" s="661">
        <v>4224824</v>
      </c>
      <c r="BH10" s="664"/>
      <c r="BI10" s="664"/>
      <c r="BJ10" s="664"/>
      <c r="BK10" s="664"/>
      <c r="BL10" s="664"/>
      <c r="BM10" s="664"/>
      <c r="BN10" s="665"/>
      <c r="BO10" s="723">
        <v>1.2</v>
      </c>
      <c r="BP10" s="723"/>
      <c r="BQ10" s="723"/>
      <c r="BR10" s="723"/>
      <c r="BS10" s="669" t="s">
        <v>138</v>
      </c>
      <c r="BT10" s="664"/>
      <c r="BU10" s="664"/>
      <c r="BV10" s="664"/>
      <c r="BW10" s="664"/>
      <c r="BX10" s="664"/>
      <c r="BY10" s="664"/>
      <c r="BZ10" s="664"/>
      <c r="CA10" s="664"/>
      <c r="CB10" s="704"/>
      <c r="CD10" s="705" t="s">
        <v>245</v>
      </c>
      <c r="CE10" s="702"/>
      <c r="CF10" s="702"/>
      <c r="CG10" s="702"/>
      <c r="CH10" s="702"/>
      <c r="CI10" s="702"/>
      <c r="CJ10" s="702"/>
      <c r="CK10" s="702"/>
      <c r="CL10" s="702"/>
      <c r="CM10" s="702"/>
      <c r="CN10" s="702"/>
      <c r="CO10" s="702"/>
      <c r="CP10" s="702"/>
      <c r="CQ10" s="703"/>
      <c r="CR10" s="661">
        <v>565043</v>
      </c>
      <c r="CS10" s="664"/>
      <c r="CT10" s="664"/>
      <c r="CU10" s="664"/>
      <c r="CV10" s="664"/>
      <c r="CW10" s="664"/>
      <c r="CX10" s="664"/>
      <c r="CY10" s="665"/>
      <c r="CZ10" s="723">
        <v>0.1</v>
      </c>
      <c r="DA10" s="723"/>
      <c r="DB10" s="723"/>
      <c r="DC10" s="723"/>
      <c r="DD10" s="669">
        <v>10761</v>
      </c>
      <c r="DE10" s="664"/>
      <c r="DF10" s="664"/>
      <c r="DG10" s="664"/>
      <c r="DH10" s="664"/>
      <c r="DI10" s="664"/>
      <c r="DJ10" s="664"/>
      <c r="DK10" s="664"/>
      <c r="DL10" s="664"/>
      <c r="DM10" s="664"/>
      <c r="DN10" s="664"/>
      <c r="DO10" s="664"/>
      <c r="DP10" s="665"/>
      <c r="DQ10" s="669">
        <v>317843</v>
      </c>
      <c r="DR10" s="664"/>
      <c r="DS10" s="664"/>
      <c r="DT10" s="664"/>
      <c r="DU10" s="664"/>
      <c r="DV10" s="664"/>
      <c r="DW10" s="664"/>
      <c r="DX10" s="664"/>
      <c r="DY10" s="664"/>
      <c r="DZ10" s="664"/>
      <c r="EA10" s="664"/>
      <c r="EB10" s="664"/>
      <c r="EC10" s="704"/>
    </row>
    <row r="11" spans="2:143" ht="11.25" customHeight="1" x14ac:dyDescent="0.2">
      <c r="B11" s="658" t="s">
        <v>246</v>
      </c>
      <c r="C11" s="659"/>
      <c r="D11" s="659"/>
      <c r="E11" s="659"/>
      <c r="F11" s="659"/>
      <c r="G11" s="659"/>
      <c r="H11" s="659"/>
      <c r="I11" s="659"/>
      <c r="J11" s="659"/>
      <c r="K11" s="659"/>
      <c r="L11" s="659"/>
      <c r="M11" s="659"/>
      <c r="N11" s="659"/>
      <c r="O11" s="659"/>
      <c r="P11" s="659"/>
      <c r="Q11" s="660"/>
      <c r="R11" s="661">
        <v>5343387</v>
      </c>
      <c r="S11" s="664"/>
      <c r="T11" s="664"/>
      <c r="U11" s="664"/>
      <c r="V11" s="664"/>
      <c r="W11" s="664"/>
      <c r="X11" s="664"/>
      <c r="Y11" s="665"/>
      <c r="Z11" s="723">
        <v>0.7</v>
      </c>
      <c r="AA11" s="723"/>
      <c r="AB11" s="723"/>
      <c r="AC11" s="723"/>
      <c r="AD11" s="724">
        <v>5343387</v>
      </c>
      <c r="AE11" s="724"/>
      <c r="AF11" s="724"/>
      <c r="AG11" s="724"/>
      <c r="AH11" s="724"/>
      <c r="AI11" s="724"/>
      <c r="AJ11" s="724"/>
      <c r="AK11" s="724"/>
      <c r="AL11" s="666">
        <v>1.4</v>
      </c>
      <c r="AM11" s="667"/>
      <c r="AN11" s="667"/>
      <c r="AO11" s="725"/>
      <c r="AP11" s="658" t="s">
        <v>247</v>
      </c>
      <c r="AQ11" s="659"/>
      <c r="AR11" s="659"/>
      <c r="AS11" s="659"/>
      <c r="AT11" s="659"/>
      <c r="AU11" s="659"/>
      <c r="AV11" s="659"/>
      <c r="AW11" s="659"/>
      <c r="AX11" s="659"/>
      <c r="AY11" s="659"/>
      <c r="AZ11" s="659"/>
      <c r="BA11" s="659"/>
      <c r="BB11" s="659"/>
      <c r="BC11" s="659"/>
      <c r="BD11" s="659"/>
      <c r="BE11" s="659"/>
      <c r="BF11" s="660"/>
      <c r="BG11" s="661">
        <v>17611136</v>
      </c>
      <c r="BH11" s="664"/>
      <c r="BI11" s="664"/>
      <c r="BJ11" s="664"/>
      <c r="BK11" s="664"/>
      <c r="BL11" s="664"/>
      <c r="BM11" s="664"/>
      <c r="BN11" s="665"/>
      <c r="BO11" s="723">
        <v>5</v>
      </c>
      <c r="BP11" s="723"/>
      <c r="BQ11" s="723"/>
      <c r="BR11" s="723"/>
      <c r="BS11" s="669">
        <v>2336472</v>
      </c>
      <c r="BT11" s="664"/>
      <c r="BU11" s="664"/>
      <c r="BV11" s="664"/>
      <c r="BW11" s="664"/>
      <c r="BX11" s="664"/>
      <c r="BY11" s="664"/>
      <c r="BZ11" s="664"/>
      <c r="CA11" s="664"/>
      <c r="CB11" s="704"/>
      <c r="CD11" s="705" t="s">
        <v>248</v>
      </c>
      <c r="CE11" s="702"/>
      <c r="CF11" s="702"/>
      <c r="CG11" s="702"/>
      <c r="CH11" s="702"/>
      <c r="CI11" s="702"/>
      <c r="CJ11" s="702"/>
      <c r="CK11" s="702"/>
      <c r="CL11" s="702"/>
      <c r="CM11" s="702"/>
      <c r="CN11" s="702"/>
      <c r="CO11" s="702"/>
      <c r="CP11" s="702"/>
      <c r="CQ11" s="703"/>
      <c r="CR11" s="661">
        <v>483014</v>
      </c>
      <c r="CS11" s="664"/>
      <c r="CT11" s="664"/>
      <c r="CU11" s="664"/>
      <c r="CV11" s="664"/>
      <c r="CW11" s="664"/>
      <c r="CX11" s="664"/>
      <c r="CY11" s="665"/>
      <c r="CZ11" s="723">
        <v>0.1</v>
      </c>
      <c r="DA11" s="723"/>
      <c r="DB11" s="723"/>
      <c r="DC11" s="723"/>
      <c r="DD11" s="669">
        <v>15081</v>
      </c>
      <c r="DE11" s="664"/>
      <c r="DF11" s="664"/>
      <c r="DG11" s="664"/>
      <c r="DH11" s="664"/>
      <c r="DI11" s="664"/>
      <c r="DJ11" s="664"/>
      <c r="DK11" s="664"/>
      <c r="DL11" s="664"/>
      <c r="DM11" s="664"/>
      <c r="DN11" s="664"/>
      <c r="DO11" s="664"/>
      <c r="DP11" s="665"/>
      <c r="DQ11" s="669">
        <v>473780</v>
      </c>
      <c r="DR11" s="664"/>
      <c r="DS11" s="664"/>
      <c r="DT11" s="664"/>
      <c r="DU11" s="664"/>
      <c r="DV11" s="664"/>
      <c r="DW11" s="664"/>
      <c r="DX11" s="664"/>
      <c r="DY11" s="664"/>
      <c r="DZ11" s="664"/>
      <c r="EA11" s="664"/>
      <c r="EB11" s="664"/>
      <c r="EC11" s="704"/>
    </row>
    <row r="12" spans="2:143" ht="11.25" customHeight="1" x14ac:dyDescent="0.2">
      <c r="B12" s="658" t="s">
        <v>249</v>
      </c>
      <c r="C12" s="659"/>
      <c r="D12" s="659"/>
      <c r="E12" s="659"/>
      <c r="F12" s="659"/>
      <c r="G12" s="659"/>
      <c r="H12" s="659"/>
      <c r="I12" s="659"/>
      <c r="J12" s="659"/>
      <c r="K12" s="659"/>
      <c r="L12" s="659"/>
      <c r="M12" s="659"/>
      <c r="N12" s="659"/>
      <c r="O12" s="659"/>
      <c r="P12" s="659"/>
      <c r="Q12" s="660"/>
      <c r="R12" s="661">
        <v>25565846</v>
      </c>
      <c r="S12" s="664"/>
      <c r="T12" s="664"/>
      <c r="U12" s="664"/>
      <c r="V12" s="664"/>
      <c r="W12" s="664"/>
      <c r="X12" s="664"/>
      <c r="Y12" s="665"/>
      <c r="Z12" s="723">
        <v>3.6</v>
      </c>
      <c r="AA12" s="723"/>
      <c r="AB12" s="723"/>
      <c r="AC12" s="723"/>
      <c r="AD12" s="724">
        <v>25565846</v>
      </c>
      <c r="AE12" s="724"/>
      <c r="AF12" s="724"/>
      <c r="AG12" s="724"/>
      <c r="AH12" s="724"/>
      <c r="AI12" s="724"/>
      <c r="AJ12" s="724"/>
      <c r="AK12" s="724"/>
      <c r="AL12" s="666">
        <v>6.8</v>
      </c>
      <c r="AM12" s="667"/>
      <c r="AN12" s="667"/>
      <c r="AO12" s="725"/>
      <c r="AP12" s="658" t="s">
        <v>250</v>
      </c>
      <c r="AQ12" s="659"/>
      <c r="AR12" s="659"/>
      <c r="AS12" s="659"/>
      <c r="AT12" s="659"/>
      <c r="AU12" s="659"/>
      <c r="AV12" s="659"/>
      <c r="AW12" s="659"/>
      <c r="AX12" s="659"/>
      <c r="AY12" s="659"/>
      <c r="AZ12" s="659"/>
      <c r="BA12" s="659"/>
      <c r="BB12" s="659"/>
      <c r="BC12" s="659"/>
      <c r="BD12" s="659"/>
      <c r="BE12" s="659"/>
      <c r="BF12" s="660"/>
      <c r="BG12" s="661">
        <v>123804111</v>
      </c>
      <c r="BH12" s="664"/>
      <c r="BI12" s="664"/>
      <c r="BJ12" s="664"/>
      <c r="BK12" s="664"/>
      <c r="BL12" s="664"/>
      <c r="BM12" s="664"/>
      <c r="BN12" s="665"/>
      <c r="BO12" s="723">
        <v>35.1</v>
      </c>
      <c r="BP12" s="723"/>
      <c r="BQ12" s="723"/>
      <c r="BR12" s="723"/>
      <c r="BS12" s="669" t="s">
        <v>233</v>
      </c>
      <c r="BT12" s="664"/>
      <c r="BU12" s="664"/>
      <c r="BV12" s="664"/>
      <c r="BW12" s="664"/>
      <c r="BX12" s="664"/>
      <c r="BY12" s="664"/>
      <c r="BZ12" s="664"/>
      <c r="CA12" s="664"/>
      <c r="CB12" s="704"/>
      <c r="CD12" s="705" t="s">
        <v>251</v>
      </c>
      <c r="CE12" s="702"/>
      <c r="CF12" s="702"/>
      <c r="CG12" s="702"/>
      <c r="CH12" s="702"/>
      <c r="CI12" s="702"/>
      <c r="CJ12" s="702"/>
      <c r="CK12" s="702"/>
      <c r="CL12" s="702"/>
      <c r="CM12" s="702"/>
      <c r="CN12" s="702"/>
      <c r="CO12" s="702"/>
      <c r="CP12" s="702"/>
      <c r="CQ12" s="703"/>
      <c r="CR12" s="661">
        <v>28101653</v>
      </c>
      <c r="CS12" s="664"/>
      <c r="CT12" s="664"/>
      <c r="CU12" s="664"/>
      <c r="CV12" s="664"/>
      <c r="CW12" s="664"/>
      <c r="CX12" s="664"/>
      <c r="CY12" s="665"/>
      <c r="CZ12" s="723">
        <v>3.9</v>
      </c>
      <c r="DA12" s="723"/>
      <c r="DB12" s="723"/>
      <c r="DC12" s="723"/>
      <c r="DD12" s="669">
        <v>3622821</v>
      </c>
      <c r="DE12" s="664"/>
      <c r="DF12" s="664"/>
      <c r="DG12" s="664"/>
      <c r="DH12" s="664"/>
      <c r="DI12" s="664"/>
      <c r="DJ12" s="664"/>
      <c r="DK12" s="664"/>
      <c r="DL12" s="664"/>
      <c r="DM12" s="664"/>
      <c r="DN12" s="664"/>
      <c r="DO12" s="664"/>
      <c r="DP12" s="665"/>
      <c r="DQ12" s="669">
        <v>3516236</v>
      </c>
      <c r="DR12" s="664"/>
      <c r="DS12" s="664"/>
      <c r="DT12" s="664"/>
      <c r="DU12" s="664"/>
      <c r="DV12" s="664"/>
      <c r="DW12" s="664"/>
      <c r="DX12" s="664"/>
      <c r="DY12" s="664"/>
      <c r="DZ12" s="664"/>
      <c r="EA12" s="664"/>
      <c r="EB12" s="664"/>
      <c r="EC12" s="704"/>
    </row>
    <row r="13" spans="2:143" ht="11.25" customHeight="1" x14ac:dyDescent="0.2">
      <c r="B13" s="658" t="s">
        <v>252</v>
      </c>
      <c r="C13" s="659"/>
      <c r="D13" s="659"/>
      <c r="E13" s="659"/>
      <c r="F13" s="659"/>
      <c r="G13" s="659"/>
      <c r="H13" s="659"/>
      <c r="I13" s="659"/>
      <c r="J13" s="659"/>
      <c r="K13" s="659"/>
      <c r="L13" s="659"/>
      <c r="M13" s="659"/>
      <c r="N13" s="659"/>
      <c r="O13" s="659"/>
      <c r="P13" s="659"/>
      <c r="Q13" s="660"/>
      <c r="R13" s="661">
        <v>35636</v>
      </c>
      <c r="S13" s="664"/>
      <c r="T13" s="664"/>
      <c r="U13" s="664"/>
      <c r="V13" s="664"/>
      <c r="W13" s="664"/>
      <c r="X13" s="664"/>
      <c r="Y13" s="665"/>
      <c r="Z13" s="723">
        <v>0</v>
      </c>
      <c r="AA13" s="723"/>
      <c r="AB13" s="723"/>
      <c r="AC13" s="723"/>
      <c r="AD13" s="724">
        <v>35636</v>
      </c>
      <c r="AE13" s="724"/>
      <c r="AF13" s="724"/>
      <c r="AG13" s="724"/>
      <c r="AH13" s="724"/>
      <c r="AI13" s="724"/>
      <c r="AJ13" s="724"/>
      <c r="AK13" s="724"/>
      <c r="AL13" s="666">
        <v>0</v>
      </c>
      <c r="AM13" s="667"/>
      <c r="AN13" s="667"/>
      <c r="AO13" s="725"/>
      <c r="AP13" s="658" t="s">
        <v>253</v>
      </c>
      <c r="AQ13" s="659"/>
      <c r="AR13" s="659"/>
      <c r="AS13" s="659"/>
      <c r="AT13" s="659"/>
      <c r="AU13" s="659"/>
      <c r="AV13" s="659"/>
      <c r="AW13" s="659"/>
      <c r="AX13" s="659"/>
      <c r="AY13" s="659"/>
      <c r="AZ13" s="659"/>
      <c r="BA13" s="659"/>
      <c r="BB13" s="659"/>
      <c r="BC13" s="659"/>
      <c r="BD13" s="659"/>
      <c r="BE13" s="659"/>
      <c r="BF13" s="660"/>
      <c r="BG13" s="661">
        <v>123478060</v>
      </c>
      <c r="BH13" s="664"/>
      <c r="BI13" s="664"/>
      <c r="BJ13" s="664"/>
      <c r="BK13" s="664"/>
      <c r="BL13" s="664"/>
      <c r="BM13" s="664"/>
      <c r="BN13" s="665"/>
      <c r="BO13" s="723">
        <v>35</v>
      </c>
      <c r="BP13" s="723"/>
      <c r="BQ13" s="723"/>
      <c r="BR13" s="723"/>
      <c r="BS13" s="669" t="s">
        <v>138</v>
      </c>
      <c r="BT13" s="664"/>
      <c r="BU13" s="664"/>
      <c r="BV13" s="664"/>
      <c r="BW13" s="664"/>
      <c r="BX13" s="664"/>
      <c r="BY13" s="664"/>
      <c r="BZ13" s="664"/>
      <c r="CA13" s="664"/>
      <c r="CB13" s="704"/>
      <c r="CD13" s="705" t="s">
        <v>254</v>
      </c>
      <c r="CE13" s="702"/>
      <c r="CF13" s="702"/>
      <c r="CG13" s="702"/>
      <c r="CH13" s="702"/>
      <c r="CI13" s="702"/>
      <c r="CJ13" s="702"/>
      <c r="CK13" s="702"/>
      <c r="CL13" s="702"/>
      <c r="CM13" s="702"/>
      <c r="CN13" s="702"/>
      <c r="CO13" s="702"/>
      <c r="CP13" s="702"/>
      <c r="CQ13" s="703"/>
      <c r="CR13" s="661">
        <v>91835496</v>
      </c>
      <c r="CS13" s="664"/>
      <c r="CT13" s="664"/>
      <c r="CU13" s="664"/>
      <c r="CV13" s="664"/>
      <c r="CW13" s="664"/>
      <c r="CX13" s="664"/>
      <c r="CY13" s="665"/>
      <c r="CZ13" s="723">
        <v>12.9</v>
      </c>
      <c r="DA13" s="723"/>
      <c r="DB13" s="723"/>
      <c r="DC13" s="723"/>
      <c r="DD13" s="669">
        <v>53220959</v>
      </c>
      <c r="DE13" s="664"/>
      <c r="DF13" s="664"/>
      <c r="DG13" s="664"/>
      <c r="DH13" s="664"/>
      <c r="DI13" s="664"/>
      <c r="DJ13" s="664"/>
      <c r="DK13" s="664"/>
      <c r="DL13" s="664"/>
      <c r="DM13" s="664"/>
      <c r="DN13" s="664"/>
      <c r="DO13" s="664"/>
      <c r="DP13" s="665"/>
      <c r="DQ13" s="669">
        <v>41903598</v>
      </c>
      <c r="DR13" s="664"/>
      <c r="DS13" s="664"/>
      <c r="DT13" s="664"/>
      <c r="DU13" s="664"/>
      <c r="DV13" s="664"/>
      <c r="DW13" s="664"/>
      <c r="DX13" s="664"/>
      <c r="DY13" s="664"/>
      <c r="DZ13" s="664"/>
      <c r="EA13" s="664"/>
      <c r="EB13" s="664"/>
      <c r="EC13" s="704"/>
    </row>
    <row r="14" spans="2:143" ht="11.25" customHeight="1" x14ac:dyDescent="0.2">
      <c r="B14" s="658" t="s">
        <v>255</v>
      </c>
      <c r="C14" s="659"/>
      <c r="D14" s="659"/>
      <c r="E14" s="659"/>
      <c r="F14" s="659"/>
      <c r="G14" s="659"/>
      <c r="H14" s="659"/>
      <c r="I14" s="659"/>
      <c r="J14" s="659"/>
      <c r="K14" s="659"/>
      <c r="L14" s="659"/>
      <c r="M14" s="659"/>
      <c r="N14" s="659"/>
      <c r="O14" s="659"/>
      <c r="P14" s="659"/>
      <c r="Q14" s="660"/>
      <c r="R14" s="661" t="s">
        <v>138</v>
      </c>
      <c r="S14" s="664"/>
      <c r="T14" s="664"/>
      <c r="U14" s="664"/>
      <c r="V14" s="664"/>
      <c r="W14" s="664"/>
      <c r="X14" s="664"/>
      <c r="Y14" s="665"/>
      <c r="Z14" s="723" t="s">
        <v>233</v>
      </c>
      <c r="AA14" s="723"/>
      <c r="AB14" s="723"/>
      <c r="AC14" s="723"/>
      <c r="AD14" s="724" t="s">
        <v>138</v>
      </c>
      <c r="AE14" s="724"/>
      <c r="AF14" s="724"/>
      <c r="AG14" s="724"/>
      <c r="AH14" s="724"/>
      <c r="AI14" s="724"/>
      <c r="AJ14" s="724"/>
      <c r="AK14" s="724"/>
      <c r="AL14" s="666" t="s">
        <v>138</v>
      </c>
      <c r="AM14" s="667"/>
      <c r="AN14" s="667"/>
      <c r="AO14" s="725"/>
      <c r="AP14" s="658" t="s">
        <v>256</v>
      </c>
      <c r="AQ14" s="659"/>
      <c r="AR14" s="659"/>
      <c r="AS14" s="659"/>
      <c r="AT14" s="659"/>
      <c r="AU14" s="659"/>
      <c r="AV14" s="659"/>
      <c r="AW14" s="659"/>
      <c r="AX14" s="659"/>
      <c r="AY14" s="659"/>
      <c r="AZ14" s="659"/>
      <c r="BA14" s="659"/>
      <c r="BB14" s="659"/>
      <c r="BC14" s="659"/>
      <c r="BD14" s="659"/>
      <c r="BE14" s="659"/>
      <c r="BF14" s="660"/>
      <c r="BG14" s="661">
        <v>811356</v>
      </c>
      <c r="BH14" s="664"/>
      <c r="BI14" s="664"/>
      <c r="BJ14" s="664"/>
      <c r="BK14" s="664"/>
      <c r="BL14" s="664"/>
      <c r="BM14" s="664"/>
      <c r="BN14" s="665"/>
      <c r="BO14" s="723">
        <v>0.2</v>
      </c>
      <c r="BP14" s="723"/>
      <c r="BQ14" s="723"/>
      <c r="BR14" s="723"/>
      <c r="BS14" s="669" t="s">
        <v>138</v>
      </c>
      <c r="BT14" s="664"/>
      <c r="BU14" s="664"/>
      <c r="BV14" s="664"/>
      <c r="BW14" s="664"/>
      <c r="BX14" s="664"/>
      <c r="BY14" s="664"/>
      <c r="BZ14" s="664"/>
      <c r="CA14" s="664"/>
      <c r="CB14" s="704"/>
      <c r="CD14" s="705" t="s">
        <v>257</v>
      </c>
      <c r="CE14" s="702"/>
      <c r="CF14" s="702"/>
      <c r="CG14" s="702"/>
      <c r="CH14" s="702"/>
      <c r="CI14" s="702"/>
      <c r="CJ14" s="702"/>
      <c r="CK14" s="702"/>
      <c r="CL14" s="702"/>
      <c r="CM14" s="702"/>
      <c r="CN14" s="702"/>
      <c r="CO14" s="702"/>
      <c r="CP14" s="702"/>
      <c r="CQ14" s="703"/>
      <c r="CR14" s="661">
        <v>18196407</v>
      </c>
      <c r="CS14" s="664"/>
      <c r="CT14" s="664"/>
      <c r="CU14" s="664"/>
      <c r="CV14" s="664"/>
      <c r="CW14" s="664"/>
      <c r="CX14" s="664"/>
      <c r="CY14" s="665"/>
      <c r="CZ14" s="723">
        <v>2.6</v>
      </c>
      <c r="DA14" s="723"/>
      <c r="DB14" s="723"/>
      <c r="DC14" s="723"/>
      <c r="DD14" s="669">
        <v>3177351</v>
      </c>
      <c r="DE14" s="664"/>
      <c r="DF14" s="664"/>
      <c r="DG14" s="664"/>
      <c r="DH14" s="664"/>
      <c r="DI14" s="664"/>
      <c r="DJ14" s="664"/>
      <c r="DK14" s="664"/>
      <c r="DL14" s="664"/>
      <c r="DM14" s="664"/>
      <c r="DN14" s="664"/>
      <c r="DO14" s="664"/>
      <c r="DP14" s="665"/>
      <c r="DQ14" s="669">
        <v>15143364</v>
      </c>
      <c r="DR14" s="664"/>
      <c r="DS14" s="664"/>
      <c r="DT14" s="664"/>
      <c r="DU14" s="664"/>
      <c r="DV14" s="664"/>
      <c r="DW14" s="664"/>
      <c r="DX14" s="664"/>
      <c r="DY14" s="664"/>
      <c r="DZ14" s="664"/>
      <c r="EA14" s="664"/>
      <c r="EB14" s="664"/>
      <c r="EC14" s="704"/>
    </row>
    <row r="15" spans="2:143" ht="11.25" customHeight="1" x14ac:dyDescent="0.2">
      <c r="B15" s="658" t="s">
        <v>258</v>
      </c>
      <c r="C15" s="659"/>
      <c r="D15" s="659"/>
      <c r="E15" s="659"/>
      <c r="F15" s="659"/>
      <c r="G15" s="659"/>
      <c r="H15" s="659"/>
      <c r="I15" s="659"/>
      <c r="J15" s="659"/>
      <c r="K15" s="659"/>
      <c r="L15" s="659"/>
      <c r="M15" s="659"/>
      <c r="N15" s="659"/>
      <c r="O15" s="659"/>
      <c r="P15" s="659"/>
      <c r="Q15" s="660"/>
      <c r="R15" s="661">
        <v>1647486</v>
      </c>
      <c r="S15" s="664"/>
      <c r="T15" s="664"/>
      <c r="U15" s="664"/>
      <c r="V15" s="664"/>
      <c r="W15" s="664"/>
      <c r="X15" s="664"/>
      <c r="Y15" s="665"/>
      <c r="Z15" s="723">
        <v>0.2</v>
      </c>
      <c r="AA15" s="723"/>
      <c r="AB15" s="723"/>
      <c r="AC15" s="723"/>
      <c r="AD15" s="724">
        <v>1647486</v>
      </c>
      <c r="AE15" s="724"/>
      <c r="AF15" s="724"/>
      <c r="AG15" s="724"/>
      <c r="AH15" s="724"/>
      <c r="AI15" s="724"/>
      <c r="AJ15" s="724"/>
      <c r="AK15" s="724"/>
      <c r="AL15" s="666">
        <v>0.4</v>
      </c>
      <c r="AM15" s="667"/>
      <c r="AN15" s="667"/>
      <c r="AO15" s="725"/>
      <c r="AP15" s="658" t="s">
        <v>259</v>
      </c>
      <c r="AQ15" s="659"/>
      <c r="AR15" s="659"/>
      <c r="AS15" s="659"/>
      <c r="AT15" s="659"/>
      <c r="AU15" s="659"/>
      <c r="AV15" s="659"/>
      <c r="AW15" s="659"/>
      <c r="AX15" s="659"/>
      <c r="AY15" s="659"/>
      <c r="AZ15" s="659"/>
      <c r="BA15" s="659"/>
      <c r="BB15" s="659"/>
      <c r="BC15" s="659"/>
      <c r="BD15" s="659"/>
      <c r="BE15" s="659"/>
      <c r="BF15" s="660"/>
      <c r="BG15" s="661">
        <v>8760207</v>
      </c>
      <c r="BH15" s="664"/>
      <c r="BI15" s="664"/>
      <c r="BJ15" s="664"/>
      <c r="BK15" s="664"/>
      <c r="BL15" s="664"/>
      <c r="BM15" s="664"/>
      <c r="BN15" s="665"/>
      <c r="BO15" s="723">
        <v>2.5</v>
      </c>
      <c r="BP15" s="723"/>
      <c r="BQ15" s="723"/>
      <c r="BR15" s="723"/>
      <c r="BS15" s="669" t="s">
        <v>233</v>
      </c>
      <c r="BT15" s="664"/>
      <c r="BU15" s="664"/>
      <c r="BV15" s="664"/>
      <c r="BW15" s="664"/>
      <c r="BX15" s="664"/>
      <c r="BY15" s="664"/>
      <c r="BZ15" s="664"/>
      <c r="CA15" s="664"/>
      <c r="CB15" s="704"/>
      <c r="CD15" s="705" t="s">
        <v>260</v>
      </c>
      <c r="CE15" s="702"/>
      <c r="CF15" s="702"/>
      <c r="CG15" s="702"/>
      <c r="CH15" s="702"/>
      <c r="CI15" s="702"/>
      <c r="CJ15" s="702"/>
      <c r="CK15" s="702"/>
      <c r="CL15" s="702"/>
      <c r="CM15" s="702"/>
      <c r="CN15" s="702"/>
      <c r="CO15" s="702"/>
      <c r="CP15" s="702"/>
      <c r="CQ15" s="703"/>
      <c r="CR15" s="661">
        <v>112551489</v>
      </c>
      <c r="CS15" s="664"/>
      <c r="CT15" s="664"/>
      <c r="CU15" s="664"/>
      <c r="CV15" s="664"/>
      <c r="CW15" s="664"/>
      <c r="CX15" s="664"/>
      <c r="CY15" s="665"/>
      <c r="CZ15" s="723">
        <v>15.8</v>
      </c>
      <c r="DA15" s="723"/>
      <c r="DB15" s="723"/>
      <c r="DC15" s="723"/>
      <c r="DD15" s="669">
        <v>20113251</v>
      </c>
      <c r="DE15" s="664"/>
      <c r="DF15" s="664"/>
      <c r="DG15" s="664"/>
      <c r="DH15" s="664"/>
      <c r="DI15" s="664"/>
      <c r="DJ15" s="664"/>
      <c r="DK15" s="664"/>
      <c r="DL15" s="664"/>
      <c r="DM15" s="664"/>
      <c r="DN15" s="664"/>
      <c r="DO15" s="664"/>
      <c r="DP15" s="665"/>
      <c r="DQ15" s="669">
        <v>82058884</v>
      </c>
      <c r="DR15" s="664"/>
      <c r="DS15" s="664"/>
      <c r="DT15" s="664"/>
      <c r="DU15" s="664"/>
      <c r="DV15" s="664"/>
      <c r="DW15" s="664"/>
      <c r="DX15" s="664"/>
      <c r="DY15" s="664"/>
      <c r="DZ15" s="664"/>
      <c r="EA15" s="664"/>
      <c r="EB15" s="664"/>
      <c r="EC15" s="704"/>
    </row>
    <row r="16" spans="2:143" ht="11.25" customHeight="1" x14ac:dyDescent="0.2">
      <c r="B16" s="658" t="s">
        <v>261</v>
      </c>
      <c r="C16" s="659"/>
      <c r="D16" s="659"/>
      <c r="E16" s="659"/>
      <c r="F16" s="659"/>
      <c r="G16" s="659"/>
      <c r="H16" s="659"/>
      <c r="I16" s="659"/>
      <c r="J16" s="659"/>
      <c r="K16" s="659"/>
      <c r="L16" s="659"/>
      <c r="M16" s="659"/>
      <c r="N16" s="659"/>
      <c r="O16" s="659"/>
      <c r="P16" s="659"/>
      <c r="Q16" s="660"/>
      <c r="R16" s="661">
        <v>4005868</v>
      </c>
      <c r="S16" s="664"/>
      <c r="T16" s="664"/>
      <c r="U16" s="664"/>
      <c r="V16" s="664"/>
      <c r="W16" s="664"/>
      <c r="X16" s="664"/>
      <c r="Y16" s="665"/>
      <c r="Z16" s="723">
        <v>0.6</v>
      </c>
      <c r="AA16" s="723"/>
      <c r="AB16" s="723"/>
      <c r="AC16" s="723"/>
      <c r="AD16" s="724">
        <v>4005868</v>
      </c>
      <c r="AE16" s="724"/>
      <c r="AF16" s="724"/>
      <c r="AG16" s="724"/>
      <c r="AH16" s="724"/>
      <c r="AI16" s="724"/>
      <c r="AJ16" s="724"/>
      <c r="AK16" s="724"/>
      <c r="AL16" s="666">
        <v>1.1000000000000001</v>
      </c>
      <c r="AM16" s="667"/>
      <c r="AN16" s="667"/>
      <c r="AO16" s="725"/>
      <c r="AP16" s="658" t="s">
        <v>262</v>
      </c>
      <c r="AQ16" s="659"/>
      <c r="AR16" s="659"/>
      <c r="AS16" s="659"/>
      <c r="AT16" s="659"/>
      <c r="AU16" s="659"/>
      <c r="AV16" s="659"/>
      <c r="AW16" s="659"/>
      <c r="AX16" s="659"/>
      <c r="AY16" s="659"/>
      <c r="AZ16" s="659"/>
      <c r="BA16" s="659"/>
      <c r="BB16" s="659"/>
      <c r="BC16" s="659"/>
      <c r="BD16" s="659"/>
      <c r="BE16" s="659"/>
      <c r="BF16" s="660"/>
      <c r="BG16" s="661" t="s">
        <v>138</v>
      </c>
      <c r="BH16" s="664"/>
      <c r="BI16" s="664"/>
      <c r="BJ16" s="664"/>
      <c r="BK16" s="664"/>
      <c r="BL16" s="664"/>
      <c r="BM16" s="664"/>
      <c r="BN16" s="665"/>
      <c r="BO16" s="723" t="s">
        <v>138</v>
      </c>
      <c r="BP16" s="723"/>
      <c r="BQ16" s="723"/>
      <c r="BR16" s="723"/>
      <c r="BS16" s="669" t="s">
        <v>233</v>
      </c>
      <c r="BT16" s="664"/>
      <c r="BU16" s="664"/>
      <c r="BV16" s="664"/>
      <c r="BW16" s="664"/>
      <c r="BX16" s="664"/>
      <c r="BY16" s="664"/>
      <c r="BZ16" s="664"/>
      <c r="CA16" s="664"/>
      <c r="CB16" s="704"/>
      <c r="CD16" s="705" t="s">
        <v>263</v>
      </c>
      <c r="CE16" s="702"/>
      <c r="CF16" s="702"/>
      <c r="CG16" s="702"/>
      <c r="CH16" s="702"/>
      <c r="CI16" s="702"/>
      <c r="CJ16" s="702"/>
      <c r="CK16" s="702"/>
      <c r="CL16" s="702"/>
      <c r="CM16" s="702"/>
      <c r="CN16" s="702"/>
      <c r="CO16" s="702"/>
      <c r="CP16" s="702"/>
      <c r="CQ16" s="703"/>
      <c r="CR16" s="661" t="s">
        <v>138</v>
      </c>
      <c r="CS16" s="664"/>
      <c r="CT16" s="664"/>
      <c r="CU16" s="664"/>
      <c r="CV16" s="664"/>
      <c r="CW16" s="664"/>
      <c r="CX16" s="664"/>
      <c r="CY16" s="665"/>
      <c r="CZ16" s="723" t="s">
        <v>138</v>
      </c>
      <c r="DA16" s="723"/>
      <c r="DB16" s="723"/>
      <c r="DC16" s="723"/>
      <c r="DD16" s="669" t="s">
        <v>233</v>
      </c>
      <c r="DE16" s="664"/>
      <c r="DF16" s="664"/>
      <c r="DG16" s="664"/>
      <c r="DH16" s="664"/>
      <c r="DI16" s="664"/>
      <c r="DJ16" s="664"/>
      <c r="DK16" s="664"/>
      <c r="DL16" s="664"/>
      <c r="DM16" s="664"/>
      <c r="DN16" s="664"/>
      <c r="DO16" s="664"/>
      <c r="DP16" s="665"/>
      <c r="DQ16" s="669" t="s">
        <v>138</v>
      </c>
      <c r="DR16" s="664"/>
      <c r="DS16" s="664"/>
      <c r="DT16" s="664"/>
      <c r="DU16" s="664"/>
      <c r="DV16" s="664"/>
      <c r="DW16" s="664"/>
      <c r="DX16" s="664"/>
      <c r="DY16" s="664"/>
      <c r="DZ16" s="664"/>
      <c r="EA16" s="664"/>
      <c r="EB16" s="664"/>
      <c r="EC16" s="704"/>
    </row>
    <row r="17" spans="2:133" ht="11.25" customHeight="1" x14ac:dyDescent="0.2">
      <c r="B17" s="658" t="s">
        <v>264</v>
      </c>
      <c r="C17" s="659"/>
      <c r="D17" s="659"/>
      <c r="E17" s="659"/>
      <c r="F17" s="659"/>
      <c r="G17" s="659"/>
      <c r="H17" s="659"/>
      <c r="I17" s="659"/>
      <c r="J17" s="659"/>
      <c r="K17" s="659"/>
      <c r="L17" s="659"/>
      <c r="M17" s="659"/>
      <c r="N17" s="659"/>
      <c r="O17" s="659"/>
      <c r="P17" s="659"/>
      <c r="Q17" s="660"/>
      <c r="R17" s="661">
        <v>1677384</v>
      </c>
      <c r="S17" s="664"/>
      <c r="T17" s="664"/>
      <c r="U17" s="664"/>
      <c r="V17" s="664"/>
      <c r="W17" s="664"/>
      <c r="X17" s="664"/>
      <c r="Y17" s="665"/>
      <c r="Z17" s="723">
        <v>0.2</v>
      </c>
      <c r="AA17" s="723"/>
      <c r="AB17" s="723"/>
      <c r="AC17" s="723"/>
      <c r="AD17" s="724">
        <v>1677384</v>
      </c>
      <c r="AE17" s="724"/>
      <c r="AF17" s="724"/>
      <c r="AG17" s="724"/>
      <c r="AH17" s="724"/>
      <c r="AI17" s="724"/>
      <c r="AJ17" s="724"/>
      <c r="AK17" s="724"/>
      <c r="AL17" s="666">
        <v>0.4</v>
      </c>
      <c r="AM17" s="667"/>
      <c r="AN17" s="667"/>
      <c r="AO17" s="725"/>
      <c r="AP17" s="658" t="s">
        <v>265</v>
      </c>
      <c r="AQ17" s="659"/>
      <c r="AR17" s="659"/>
      <c r="AS17" s="659"/>
      <c r="AT17" s="659"/>
      <c r="AU17" s="659"/>
      <c r="AV17" s="659"/>
      <c r="AW17" s="659"/>
      <c r="AX17" s="659"/>
      <c r="AY17" s="659"/>
      <c r="AZ17" s="659"/>
      <c r="BA17" s="659"/>
      <c r="BB17" s="659"/>
      <c r="BC17" s="659"/>
      <c r="BD17" s="659"/>
      <c r="BE17" s="659"/>
      <c r="BF17" s="660"/>
      <c r="BG17" s="661" t="s">
        <v>233</v>
      </c>
      <c r="BH17" s="664"/>
      <c r="BI17" s="664"/>
      <c r="BJ17" s="664"/>
      <c r="BK17" s="664"/>
      <c r="BL17" s="664"/>
      <c r="BM17" s="664"/>
      <c r="BN17" s="665"/>
      <c r="BO17" s="723" t="s">
        <v>233</v>
      </c>
      <c r="BP17" s="723"/>
      <c r="BQ17" s="723"/>
      <c r="BR17" s="723"/>
      <c r="BS17" s="669" t="s">
        <v>138</v>
      </c>
      <c r="BT17" s="664"/>
      <c r="BU17" s="664"/>
      <c r="BV17" s="664"/>
      <c r="BW17" s="664"/>
      <c r="BX17" s="664"/>
      <c r="BY17" s="664"/>
      <c r="BZ17" s="664"/>
      <c r="CA17" s="664"/>
      <c r="CB17" s="704"/>
      <c r="CD17" s="705" t="s">
        <v>266</v>
      </c>
      <c r="CE17" s="702"/>
      <c r="CF17" s="702"/>
      <c r="CG17" s="702"/>
      <c r="CH17" s="702"/>
      <c r="CI17" s="702"/>
      <c r="CJ17" s="702"/>
      <c r="CK17" s="702"/>
      <c r="CL17" s="702"/>
      <c r="CM17" s="702"/>
      <c r="CN17" s="702"/>
      <c r="CO17" s="702"/>
      <c r="CP17" s="702"/>
      <c r="CQ17" s="703"/>
      <c r="CR17" s="661">
        <v>73099776</v>
      </c>
      <c r="CS17" s="664"/>
      <c r="CT17" s="664"/>
      <c r="CU17" s="664"/>
      <c r="CV17" s="664"/>
      <c r="CW17" s="664"/>
      <c r="CX17" s="664"/>
      <c r="CY17" s="665"/>
      <c r="CZ17" s="723">
        <v>10.3</v>
      </c>
      <c r="DA17" s="723"/>
      <c r="DB17" s="723"/>
      <c r="DC17" s="723"/>
      <c r="DD17" s="669" t="s">
        <v>138</v>
      </c>
      <c r="DE17" s="664"/>
      <c r="DF17" s="664"/>
      <c r="DG17" s="664"/>
      <c r="DH17" s="664"/>
      <c r="DI17" s="664"/>
      <c r="DJ17" s="664"/>
      <c r="DK17" s="664"/>
      <c r="DL17" s="664"/>
      <c r="DM17" s="664"/>
      <c r="DN17" s="664"/>
      <c r="DO17" s="664"/>
      <c r="DP17" s="665"/>
      <c r="DQ17" s="669">
        <v>70013270</v>
      </c>
      <c r="DR17" s="664"/>
      <c r="DS17" s="664"/>
      <c r="DT17" s="664"/>
      <c r="DU17" s="664"/>
      <c r="DV17" s="664"/>
      <c r="DW17" s="664"/>
      <c r="DX17" s="664"/>
      <c r="DY17" s="664"/>
      <c r="DZ17" s="664"/>
      <c r="EA17" s="664"/>
      <c r="EB17" s="664"/>
      <c r="EC17" s="704"/>
    </row>
    <row r="18" spans="2:133" ht="11.25" customHeight="1" x14ac:dyDescent="0.2">
      <c r="B18" s="658" t="s">
        <v>267</v>
      </c>
      <c r="C18" s="659"/>
      <c r="D18" s="659"/>
      <c r="E18" s="659"/>
      <c r="F18" s="659"/>
      <c r="G18" s="659"/>
      <c r="H18" s="659"/>
      <c r="I18" s="659"/>
      <c r="J18" s="659"/>
      <c r="K18" s="659"/>
      <c r="L18" s="659"/>
      <c r="M18" s="659"/>
      <c r="N18" s="659"/>
      <c r="O18" s="659"/>
      <c r="P18" s="659"/>
      <c r="Q18" s="660"/>
      <c r="R18" s="661">
        <v>268981</v>
      </c>
      <c r="S18" s="664"/>
      <c r="T18" s="664"/>
      <c r="U18" s="664"/>
      <c r="V18" s="664"/>
      <c r="W18" s="664"/>
      <c r="X18" s="664"/>
      <c r="Y18" s="665"/>
      <c r="Z18" s="723">
        <v>0</v>
      </c>
      <c r="AA18" s="723"/>
      <c r="AB18" s="723"/>
      <c r="AC18" s="723"/>
      <c r="AD18" s="724" t="s">
        <v>138</v>
      </c>
      <c r="AE18" s="724"/>
      <c r="AF18" s="724"/>
      <c r="AG18" s="724"/>
      <c r="AH18" s="724"/>
      <c r="AI18" s="724"/>
      <c r="AJ18" s="724"/>
      <c r="AK18" s="724"/>
      <c r="AL18" s="666" t="s">
        <v>233</v>
      </c>
      <c r="AM18" s="667"/>
      <c r="AN18" s="667"/>
      <c r="AO18" s="725"/>
      <c r="AP18" s="658" t="s">
        <v>268</v>
      </c>
      <c r="AQ18" s="659"/>
      <c r="AR18" s="659"/>
      <c r="AS18" s="659"/>
      <c r="AT18" s="659"/>
      <c r="AU18" s="659"/>
      <c r="AV18" s="659"/>
      <c r="AW18" s="659"/>
      <c r="AX18" s="659"/>
      <c r="AY18" s="659"/>
      <c r="AZ18" s="659"/>
      <c r="BA18" s="659"/>
      <c r="BB18" s="659"/>
      <c r="BC18" s="659"/>
      <c r="BD18" s="659"/>
      <c r="BE18" s="659"/>
      <c r="BF18" s="660"/>
      <c r="BG18" s="661" t="s">
        <v>233</v>
      </c>
      <c r="BH18" s="664"/>
      <c r="BI18" s="664"/>
      <c r="BJ18" s="664"/>
      <c r="BK18" s="664"/>
      <c r="BL18" s="664"/>
      <c r="BM18" s="664"/>
      <c r="BN18" s="665"/>
      <c r="BO18" s="723" t="s">
        <v>138</v>
      </c>
      <c r="BP18" s="723"/>
      <c r="BQ18" s="723"/>
      <c r="BR18" s="723"/>
      <c r="BS18" s="669" t="s">
        <v>138</v>
      </c>
      <c r="BT18" s="664"/>
      <c r="BU18" s="664"/>
      <c r="BV18" s="664"/>
      <c r="BW18" s="664"/>
      <c r="BX18" s="664"/>
      <c r="BY18" s="664"/>
      <c r="BZ18" s="664"/>
      <c r="CA18" s="664"/>
      <c r="CB18" s="704"/>
      <c r="CD18" s="705" t="s">
        <v>269</v>
      </c>
      <c r="CE18" s="702"/>
      <c r="CF18" s="702"/>
      <c r="CG18" s="702"/>
      <c r="CH18" s="702"/>
      <c r="CI18" s="702"/>
      <c r="CJ18" s="702"/>
      <c r="CK18" s="702"/>
      <c r="CL18" s="702"/>
      <c r="CM18" s="702"/>
      <c r="CN18" s="702"/>
      <c r="CO18" s="702"/>
      <c r="CP18" s="702"/>
      <c r="CQ18" s="703"/>
      <c r="CR18" s="661">
        <v>1252094</v>
      </c>
      <c r="CS18" s="664"/>
      <c r="CT18" s="664"/>
      <c r="CU18" s="664"/>
      <c r="CV18" s="664"/>
      <c r="CW18" s="664"/>
      <c r="CX18" s="664"/>
      <c r="CY18" s="665"/>
      <c r="CZ18" s="723">
        <v>0.2</v>
      </c>
      <c r="DA18" s="723"/>
      <c r="DB18" s="723"/>
      <c r="DC18" s="723"/>
      <c r="DD18" s="669" t="s">
        <v>233</v>
      </c>
      <c r="DE18" s="664"/>
      <c r="DF18" s="664"/>
      <c r="DG18" s="664"/>
      <c r="DH18" s="664"/>
      <c r="DI18" s="664"/>
      <c r="DJ18" s="664"/>
      <c r="DK18" s="664"/>
      <c r="DL18" s="664"/>
      <c r="DM18" s="664"/>
      <c r="DN18" s="664"/>
      <c r="DO18" s="664"/>
      <c r="DP18" s="665"/>
      <c r="DQ18" s="669">
        <v>1252094</v>
      </c>
      <c r="DR18" s="664"/>
      <c r="DS18" s="664"/>
      <c r="DT18" s="664"/>
      <c r="DU18" s="664"/>
      <c r="DV18" s="664"/>
      <c r="DW18" s="664"/>
      <c r="DX18" s="664"/>
      <c r="DY18" s="664"/>
      <c r="DZ18" s="664"/>
      <c r="EA18" s="664"/>
      <c r="EB18" s="664"/>
      <c r="EC18" s="704"/>
    </row>
    <row r="19" spans="2:133" ht="11.25" customHeight="1" x14ac:dyDescent="0.2">
      <c r="B19" s="658" t="s">
        <v>270</v>
      </c>
      <c r="C19" s="659"/>
      <c r="D19" s="659"/>
      <c r="E19" s="659"/>
      <c r="F19" s="659"/>
      <c r="G19" s="659"/>
      <c r="H19" s="659"/>
      <c r="I19" s="659"/>
      <c r="J19" s="659"/>
      <c r="K19" s="659"/>
      <c r="L19" s="659"/>
      <c r="M19" s="659"/>
      <c r="N19" s="659"/>
      <c r="O19" s="659"/>
      <c r="P19" s="659"/>
      <c r="Q19" s="660"/>
      <c r="R19" s="661" t="s">
        <v>233</v>
      </c>
      <c r="S19" s="664"/>
      <c r="T19" s="664"/>
      <c r="U19" s="664"/>
      <c r="V19" s="664"/>
      <c r="W19" s="664"/>
      <c r="X19" s="664"/>
      <c r="Y19" s="665"/>
      <c r="Z19" s="723" t="s">
        <v>233</v>
      </c>
      <c r="AA19" s="723"/>
      <c r="AB19" s="723"/>
      <c r="AC19" s="723"/>
      <c r="AD19" s="724" t="s">
        <v>233</v>
      </c>
      <c r="AE19" s="724"/>
      <c r="AF19" s="724"/>
      <c r="AG19" s="724"/>
      <c r="AH19" s="724"/>
      <c r="AI19" s="724"/>
      <c r="AJ19" s="724"/>
      <c r="AK19" s="724"/>
      <c r="AL19" s="666" t="s">
        <v>138</v>
      </c>
      <c r="AM19" s="667"/>
      <c r="AN19" s="667"/>
      <c r="AO19" s="725"/>
      <c r="AP19" s="658" t="s">
        <v>271</v>
      </c>
      <c r="AQ19" s="659"/>
      <c r="AR19" s="659"/>
      <c r="AS19" s="659"/>
      <c r="AT19" s="659"/>
      <c r="AU19" s="659"/>
      <c r="AV19" s="659"/>
      <c r="AW19" s="659"/>
      <c r="AX19" s="659"/>
      <c r="AY19" s="659"/>
      <c r="AZ19" s="659"/>
      <c r="BA19" s="659"/>
      <c r="BB19" s="659"/>
      <c r="BC19" s="659"/>
      <c r="BD19" s="659"/>
      <c r="BE19" s="659"/>
      <c r="BF19" s="660"/>
      <c r="BG19" s="661">
        <v>34767954</v>
      </c>
      <c r="BH19" s="664"/>
      <c r="BI19" s="664"/>
      <c r="BJ19" s="664"/>
      <c r="BK19" s="664"/>
      <c r="BL19" s="664"/>
      <c r="BM19" s="664"/>
      <c r="BN19" s="665"/>
      <c r="BO19" s="723">
        <v>9.8000000000000007</v>
      </c>
      <c r="BP19" s="723"/>
      <c r="BQ19" s="723"/>
      <c r="BR19" s="723"/>
      <c r="BS19" s="669" t="s">
        <v>138</v>
      </c>
      <c r="BT19" s="664"/>
      <c r="BU19" s="664"/>
      <c r="BV19" s="664"/>
      <c r="BW19" s="664"/>
      <c r="BX19" s="664"/>
      <c r="BY19" s="664"/>
      <c r="BZ19" s="664"/>
      <c r="CA19" s="664"/>
      <c r="CB19" s="704"/>
      <c r="CD19" s="705" t="s">
        <v>272</v>
      </c>
      <c r="CE19" s="702"/>
      <c r="CF19" s="702"/>
      <c r="CG19" s="702"/>
      <c r="CH19" s="702"/>
      <c r="CI19" s="702"/>
      <c r="CJ19" s="702"/>
      <c r="CK19" s="702"/>
      <c r="CL19" s="702"/>
      <c r="CM19" s="702"/>
      <c r="CN19" s="702"/>
      <c r="CO19" s="702"/>
      <c r="CP19" s="702"/>
      <c r="CQ19" s="703"/>
      <c r="CR19" s="661" t="s">
        <v>233</v>
      </c>
      <c r="CS19" s="664"/>
      <c r="CT19" s="664"/>
      <c r="CU19" s="664"/>
      <c r="CV19" s="664"/>
      <c r="CW19" s="664"/>
      <c r="CX19" s="664"/>
      <c r="CY19" s="665"/>
      <c r="CZ19" s="723" t="s">
        <v>233</v>
      </c>
      <c r="DA19" s="723"/>
      <c r="DB19" s="723"/>
      <c r="DC19" s="723"/>
      <c r="DD19" s="669" t="s">
        <v>138</v>
      </c>
      <c r="DE19" s="664"/>
      <c r="DF19" s="664"/>
      <c r="DG19" s="664"/>
      <c r="DH19" s="664"/>
      <c r="DI19" s="664"/>
      <c r="DJ19" s="664"/>
      <c r="DK19" s="664"/>
      <c r="DL19" s="664"/>
      <c r="DM19" s="664"/>
      <c r="DN19" s="664"/>
      <c r="DO19" s="664"/>
      <c r="DP19" s="665"/>
      <c r="DQ19" s="669" t="s">
        <v>233</v>
      </c>
      <c r="DR19" s="664"/>
      <c r="DS19" s="664"/>
      <c r="DT19" s="664"/>
      <c r="DU19" s="664"/>
      <c r="DV19" s="664"/>
      <c r="DW19" s="664"/>
      <c r="DX19" s="664"/>
      <c r="DY19" s="664"/>
      <c r="DZ19" s="664"/>
      <c r="EA19" s="664"/>
      <c r="EB19" s="664"/>
      <c r="EC19" s="704"/>
    </row>
    <row r="20" spans="2:133" ht="11.25" customHeight="1" x14ac:dyDescent="0.2">
      <c r="B20" s="658" t="s">
        <v>273</v>
      </c>
      <c r="C20" s="659"/>
      <c r="D20" s="659"/>
      <c r="E20" s="659"/>
      <c r="F20" s="659"/>
      <c r="G20" s="659"/>
      <c r="H20" s="659"/>
      <c r="I20" s="659"/>
      <c r="J20" s="659"/>
      <c r="K20" s="659"/>
      <c r="L20" s="659"/>
      <c r="M20" s="659"/>
      <c r="N20" s="659"/>
      <c r="O20" s="659"/>
      <c r="P20" s="659"/>
      <c r="Q20" s="660"/>
      <c r="R20" s="661">
        <v>267867</v>
      </c>
      <c r="S20" s="664"/>
      <c r="T20" s="664"/>
      <c r="U20" s="664"/>
      <c r="V20" s="664"/>
      <c r="W20" s="664"/>
      <c r="X20" s="664"/>
      <c r="Y20" s="665"/>
      <c r="Z20" s="723">
        <v>0</v>
      </c>
      <c r="AA20" s="723"/>
      <c r="AB20" s="723"/>
      <c r="AC20" s="723"/>
      <c r="AD20" s="724" t="s">
        <v>233</v>
      </c>
      <c r="AE20" s="724"/>
      <c r="AF20" s="724"/>
      <c r="AG20" s="724"/>
      <c r="AH20" s="724"/>
      <c r="AI20" s="724"/>
      <c r="AJ20" s="724"/>
      <c r="AK20" s="724"/>
      <c r="AL20" s="666" t="s">
        <v>233</v>
      </c>
      <c r="AM20" s="667"/>
      <c r="AN20" s="667"/>
      <c r="AO20" s="725"/>
      <c r="AP20" s="658" t="s">
        <v>274</v>
      </c>
      <c r="AQ20" s="659"/>
      <c r="AR20" s="659"/>
      <c r="AS20" s="659"/>
      <c r="AT20" s="659"/>
      <c r="AU20" s="659"/>
      <c r="AV20" s="659"/>
      <c r="AW20" s="659"/>
      <c r="AX20" s="659"/>
      <c r="AY20" s="659"/>
      <c r="AZ20" s="659"/>
      <c r="BA20" s="659"/>
      <c r="BB20" s="659"/>
      <c r="BC20" s="659"/>
      <c r="BD20" s="659"/>
      <c r="BE20" s="659"/>
      <c r="BF20" s="660"/>
      <c r="BG20" s="661">
        <v>34767954</v>
      </c>
      <c r="BH20" s="664"/>
      <c r="BI20" s="664"/>
      <c r="BJ20" s="664"/>
      <c r="BK20" s="664"/>
      <c r="BL20" s="664"/>
      <c r="BM20" s="664"/>
      <c r="BN20" s="665"/>
      <c r="BO20" s="723">
        <v>9.8000000000000007</v>
      </c>
      <c r="BP20" s="723"/>
      <c r="BQ20" s="723"/>
      <c r="BR20" s="723"/>
      <c r="BS20" s="669" t="s">
        <v>138</v>
      </c>
      <c r="BT20" s="664"/>
      <c r="BU20" s="664"/>
      <c r="BV20" s="664"/>
      <c r="BW20" s="664"/>
      <c r="BX20" s="664"/>
      <c r="BY20" s="664"/>
      <c r="BZ20" s="664"/>
      <c r="CA20" s="664"/>
      <c r="CB20" s="704"/>
      <c r="CD20" s="705" t="s">
        <v>275</v>
      </c>
      <c r="CE20" s="702"/>
      <c r="CF20" s="702"/>
      <c r="CG20" s="702"/>
      <c r="CH20" s="702"/>
      <c r="CI20" s="702"/>
      <c r="CJ20" s="702"/>
      <c r="CK20" s="702"/>
      <c r="CL20" s="702"/>
      <c r="CM20" s="702"/>
      <c r="CN20" s="702"/>
      <c r="CO20" s="702"/>
      <c r="CP20" s="702"/>
      <c r="CQ20" s="703"/>
      <c r="CR20" s="661">
        <v>712401058</v>
      </c>
      <c r="CS20" s="664"/>
      <c r="CT20" s="664"/>
      <c r="CU20" s="664"/>
      <c r="CV20" s="664"/>
      <c r="CW20" s="664"/>
      <c r="CX20" s="664"/>
      <c r="CY20" s="665"/>
      <c r="CZ20" s="723">
        <v>100</v>
      </c>
      <c r="DA20" s="723"/>
      <c r="DB20" s="723"/>
      <c r="DC20" s="723"/>
      <c r="DD20" s="669">
        <v>92466191</v>
      </c>
      <c r="DE20" s="664"/>
      <c r="DF20" s="664"/>
      <c r="DG20" s="664"/>
      <c r="DH20" s="664"/>
      <c r="DI20" s="664"/>
      <c r="DJ20" s="664"/>
      <c r="DK20" s="664"/>
      <c r="DL20" s="664"/>
      <c r="DM20" s="664"/>
      <c r="DN20" s="664"/>
      <c r="DO20" s="664"/>
      <c r="DP20" s="665"/>
      <c r="DQ20" s="669">
        <v>451837026</v>
      </c>
      <c r="DR20" s="664"/>
      <c r="DS20" s="664"/>
      <c r="DT20" s="664"/>
      <c r="DU20" s="664"/>
      <c r="DV20" s="664"/>
      <c r="DW20" s="664"/>
      <c r="DX20" s="664"/>
      <c r="DY20" s="664"/>
      <c r="DZ20" s="664"/>
      <c r="EA20" s="664"/>
      <c r="EB20" s="664"/>
      <c r="EC20" s="704"/>
    </row>
    <row r="21" spans="2:133" ht="11.25" customHeight="1" x14ac:dyDescent="0.2">
      <c r="B21" s="658" t="s">
        <v>276</v>
      </c>
      <c r="C21" s="659"/>
      <c r="D21" s="659"/>
      <c r="E21" s="659"/>
      <c r="F21" s="659"/>
      <c r="G21" s="659"/>
      <c r="H21" s="659"/>
      <c r="I21" s="659"/>
      <c r="J21" s="659"/>
      <c r="K21" s="659"/>
      <c r="L21" s="659"/>
      <c r="M21" s="659"/>
      <c r="N21" s="659"/>
      <c r="O21" s="659"/>
      <c r="P21" s="659"/>
      <c r="Q21" s="660"/>
      <c r="R21" s="661">
        <v>1114</v>
      </c>
      <c r="S21" s="664"/>
      <c r="T21" s="664"/>
      <c r="U21" s="664"/>
      <c r="V21" s="664"/>
      <c r="W21" s="664"/>
      <c r="X21" s="664"/>
      <c r="Y21" s="665"/>
      <c r="Z21" s="723">
        <v>0</v>
      </c>
      <c r="AA21" s="723"/>
      <c r="AB21" s="723"/>
      <c r="AC21" s="723"/>
      <c r="AD21" s="724" t="s">
        <v>138</v>
      </c>
      <c r="AE21" s="724"/>
      <c r="AF21" s="724"/>
      <c r="AG21" s="724"/>
      <c r="AH21" s="724"/>
      <c r="AI21" s="724"/>
      <c r="AJ21" s="724"/>
      <c r="AK21" s="724"/>
      <c r="AL21" s="666" t="s">
        <v>138</v>
      </c>
      <c r="AM21" s="667"/>
      <c r="AN21" s="667"/>
      <c r="AO21" s="725"/>
      <c r="AP21" s="769" t="s">
        <v>277</v>
      </c>
      <c r="AQ21" s="776"/>
      <c r="AR21" s="776"/>
      <c r="AS21" s="776"/>
      <c r="AT21" s="776"/>
      <c r="AU21" s="776"/>
      <c r="AV21" s="776"/>
      <c r="AW21" s="776"/>
      <c r="AX21" s="776"/>
      <c r="AY21" s="776"/>
      <c r="AZ21" s="776"/>
      <c r="BA21" s="776"/>
      <c r="BB21" s="776"/>
      <c r="BC21" s="776"/>
      <c r="BD21" s="776"/>
      <c r="BE21" s="776"/>
      <c r="BF21" s="771"/>
      <c r="BG21" s="661">
        <v>3407</v>
      </c>
      <c r="BH21" s="664"/>
      <c r="BI21" s="664"/>
      <c r="BJ21" s="664"/>
      <c r="BK21" s="664"/>
      <c r="BL21" s="664"/>
      <c r="BM21" s="664"/>
      <c r="BN21" s="665"/>
      <c r="BO21" s="723">
        <v>0</v>
      </c>
      <c r="BP21" s="723"/>
      <c r="BQ21" s="723"/>
      <c r="BR21" s="723"/>
      <c r="BS21" s="669" t="s">
        <v>138</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78</v>
      </c>
      <c r="C22" s="659"/>
      <c r="D22" s="659"/>
      <c r="E22" s="659"/>
      <c r="F22" s="659"/>
      <c r="G22" s="659"/>
      <c r="H22" s="659"/>
      <c r="I22" s="659"/>
      <c r="J22" s="659"/>
      <c r="K22" s="659"/>
      <c r="L22" s="659"/>
      <c r="M22" s="659"/>
      <c r="N22" s="659"/>
      <c r="O22" s="659"/>
      <c r="P22" s="659"/>
      <c r="Q22" s="660"/>
      <c r="R22" s="661">
        <v>398357421</v>
      </c>
      <c r="S22" s="664"/>
      <c r="T22" s="664"/>
      <c r="U22" s="664"/>
      <c r="V22" s="664"/>
      <c r="W22" s="664"/>
      <c r="X22" s="664"/>
      <c r="Y22" s="665"/>
      <c r="Z22" s="723">
        <v>55.7</v>
      </c>
      <c r="AA22" s="723"/>
      <c r="AB22" s="723"/>
      <c r="AC22" s="723"/>
      <c r="AD22" s="724">
        <v>372247182</v>
      </c>
      <c r="AE22" s="724"/>
      <c r="AF22" s="724"/>
      <c r="AG22" s="724"/>
      <c r="AH22" s="724"/>
      <c r="AI22" s="724"/>
      <c r="AJ22" s="724"/>
      <c r="AK22" s="724"/>
      <c r="AL22" s="666">
        <v>98.9</v>
      </c>
      <c r="AM22" s="667"/>
      <c r="AN22" s="667"/>
      <c r="AO22" s="725"/>
      <c r="AP22" s="769" t="s">
        <v>279</v>
      </c>
      <c r="AQ22" s="776"/>
      <c r="AR22" s="776"/>
      <c r="AS22" s="776"/>
      <c r="AT22" s="776"/>
      <c r="AU22" s="776"/>
      <c r="AV22" s="776"/>
      <c r="AW22" s="776"/>
      <c r="AX22" s="776"/>
      <c r="AY22" s="776"/>
      <c r="AZ22" s="776"/>
      <c r="BA22" s="776"/>
      <c r="BB22" s="776"/>
      <c r="BC22" s="776"/>
      <c r="BD22" s="776"/>
      <c r="BE22" s="776"/>
      <c r="BF22" s="771"/>
      <c r="BG22" s="661">
        <v>8923289</v>
      </c>
      <c r="BH22" s="664"/>
      <c r="BI22" s="664"/>
      <c r="BJ22" s="664"/>
      <c r="BK22" s="664"/>
      <c r="BL22" s="664"/>
      <c r="BM22" s="664"/>
      <c r="BN22" s="665"/>
      <c r="BO22" s="723">
        <v>2.5</v>
      </c>
      <c r="BP22" s="723"/>
      <c r="BQ22" s="723"/>
      <c r="BR22" s="723"/>
      <c r="BS22" s="669" t="s">
        <v>233</v>
      </c>
      <c r="BT22" s="664"/>
      <c r="BU22" s="664"/>
      <c r="BV22" s="664"/>
      <c r="BW22" s="664"/>
      <c r="BX22" s="664"/>
      <c r="BY22" s="664"/>
      <c r="BZ22" s="664"/>
      <c r="CA22" s="664"/>
      <c r="CB22" s="704"/>
      <c r="CD22" s="778" t="s">
        <v>280</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1</v>
      </c>
      <c r="C23" s="659"/>
      <c r="D23" s="659"/>
      <c r="E23" s="659"/>
      <c r="F23" s="659"/>
      <c r="G23" s="659"/>
      <c r="H23" s="659"/>
      <c r="I23" s="659"/>
      <c r="J23" s="659"/>
      <c r="K23" s="659"/>
      <c r="L23" s="659"/>
      <c r="M23" s="659"/>
      <c r="N23" s="659"/>
      <c r="O23" s="659"/>
      <c r="P23" s="659"/>
      <c r="Q23" s="660"/>
      <c r="R23" s="661">
        <v>302962</v>
      </c>
      <c r="S23" s="664"/>
      <c r="T23" s="664"/>
      <c r="U23" s="664"/>
      <c r="V23" s="664"/>
      <c r="W23" s="664"/>
      <c r="X23" s="664"/>
      <c r="Y23" s="665"/>
      <c r="Z23" s="723">
        <v>0</v>
      </c>
      <c r="AA23" s="723"/>
      <c r="AB23" s="723"/>
      <c r="AC23" s="723"/>
      <c r="AD23" s="724">
        <v>302962</v>
      </c>
      <c r="AE23" s="724"/>
      <c r="AF23" s="724"/>
      <c r="AG23" s="724"/>
      <c r="AH23" s="724"/>
      <c r="AI23" s="724"/>
      <c r="AJ23" s="724"/>
      <c r="AK23" s="724"/>
      <c r="AL23" s="666">
        <v>0.1</v>
      </c>
      <c r="AM23" s="667"/>
      <c r="AN23" s="667"/>
      <c r="AO23" s="725"/>
      <c r="AP23" s="769" t="s">
        <v>282</v>
      </c>
      <c r="AQ23" s="776"/>
      <c r="AR23" s="776"/>
      <c r="AS23" s="776"/>
      <c r="AT23" s="776"/>
      <c r="AU23" s="776"/>
      <c r="AV23" s="776"/>
      <c r="AW23" s="776"/>
      <c r="AX23" s="776"/>
      <c r="AY23" s="776"/>
      <c r="AZ23" s="776"/>
      <c r="BA23" s="776"/>
      <c r="BB23" s="776"/>
      <c r="BC23" s="776"/>
      <c r="BD23" s="776"/>
      <c r="BE23" s="776"/>
      <c r="BF23" s="771"/>
      <c r="BG23" s="661">
        <v>25841258</v>
      </c>
      <c r="BH23" s="664"/>
      <c r="BI23" s="664"/>
      <c r="BJ23" s="664"/>
      <c r="BK23" s="664"/>
      <c r="BL23" s="664"/>
      <c r="BM23" s="664"/>
      <c r="BN23" s="665"/>
      <c r="BO23" s="723">
        <v>7.3</v>
      </c>
      <c r="BP23" s="723"/>
      <c r="BQ23" s="723"/>
      <c r="BR23" s="723"/>
      <c r="BS23" s="669" t="s">
        <v>233</v>
      </c>
      <c r="BT23" s="664"/>
      <c r="BU23" s="664"/>
      <c r="BV23" s="664"/>
      <c r="BW23" s="664"/>
      <c r="BX23" s="664"/>
      <c r="BY23" s="664"/>
      <c r="BZ23" s="664"/>
      <c r="CA23" s="664"/>
      <c r="CB23" s="704"/>
      <c r="CD23" s="778" t="s">
        <v>221</v>
      </c>
      <c r="CE23" s="779"/>
      <c r="CF23" s="779"/>
      <c r="CG23" s="779"/>
      <c r="CH23" s="779"/>
      <c r="CI23" s="779"/>
      <c r="CJ23" s="779"/>
      <c r="CK23" s="779"/>
      <c r="CL23" s="779"/>
      <c r="CM23" s="779"/>
      <c r="CN23" s="779"/>
      <c r="CO23" s="779"/>
      <c r="CP23" s="779"/>
      <c r="CQ23" s="780"/>
      <c r="CR23" s="778" t="s">
        <v>283</v>
      </c>
      <c r="CS23" s="779"/>
      <c r="CT23" s="779"/>
      <c r="CU23" s="779"/>
      <c r="CV23" s="779"/>
      <c r="CW23" s="779"/>
      <c r="CX23" s="779"/>
      <c r="CY23" s="780"/>
      <c r="CZ23" s="778" t="s">
        <v>284</v>
      </c>
      <c r="DA23" s="779"/>
      <c r="DB23" s="779"/>
      <c r="DC23" s="780"/>
      <c r="DD23" s="778" t="s">
        <v>285</v>
      </c>
      <c r="DE23" s="779"/>
      <c r="DF23" s="779"/>
      <c r="DG23" s="779"/>
      <c r="DH23" s="779"/>
      <c r="DI23" s="779"/>
      <c r="DJ23" s="779"/>
      <c r="DK23" s="780"/>
      <c r="DL23" s="787" t="s">
        <v>286</v>
      </c>
      <c r="DM23" s="788"/>
      <c r="DN23" s="788"/>
      <c r="DO23" s="788"/>
      <c r="DP23" s="788"/>
      <c r="DQ23" s="788"/>
      <c r="DR23" s="788"/>
      <c r="DS23" s="788"/>
      <c r="DT23" s="788"/>
      <c r="DU23" s="788"/>
      <c r="DV23" s="789"/>
      <c r="DW23" s="778" t="s">
        <v>287</v>
      </c>
      <c r="DX23" s="779"/>
      <c r="DY23" s="779"/>
      <c r="DZ23" s="779"/>
      <c r="EA23" s="779"/>
      <c r="EB23" s="779"/>
      <c r="EC23" s="780"/>
    </row>
    <row r="24" spans="2:133" ht="11.25" customHeight="1" x14ac:dyDescent="0.2">
      <c r="B24" s="658" t="s">
        <v>288</v>
      </c>
      <c r="C24" s="659"/>
      <c r="D24" s="659"/>
      <c r="E24" s="659"/>
      <c r="F24" s="659"/>
      <c r="G24" s="659"/>
      <c r="H24" s="659"/>
      <c r="I24" s="659"/>
      <c r="J24" s="659"/>
      <c r="K24" s="659"/>
      <c r="L24" s="659"/>
      <c r="M24" s="659"/>
      <c r="N24" s="659"/>
      <c r="O24" s="659"/>
      <c r="P24" s="659"/>
      <c r="Q24" s="660"/>
      <c r="R24" s="661">
        <v>14843325</v>
      </c>
      <c r="S24" s="664"/>
      <c r="T24" s="664"/>
      <c r="U24" s="664"/>
      <c r="V24" s="664"/>
      <c r="W24" s="664"/>
      <c r="X24" s="664"/>
      <c r="Y24" s="665"/>
      <c r="Z24" s="723">
        <v>2.1</v>
      </c>
      <c r="AA24" s="723"/>
      <c r="AB24" s="723"/>
      <c r="AC24" s="723"/>
      <c r="AD24" s="724" t="s">
        <v>138</v>
      </c>
      <c r="AE24" s="724"/>
      <c r="AF24" s="724"/>
      <c r="AG24" s="724"/>
      <c r="AH24" s="724"/>
      <c r="AI24" s="724"/>
      <c r="AJ24" s="724"/>
      <c r="AK24" s="724"/>
      <c r="AL24" s="666" t="s">
        <v>233</v>
      </c>
      <c r="AM24" s="667"/>
      <c r="AN24" s="667"/>
      <c r="AO24" s="725"/>
      <c r="AP24" s="769" t="s">
        <v>289</v>
      </c>
      <c r="AQ24" s="776"/>
      <c r="AR24" s="776"/>
      <c r="AS24" s="776"/>
      <c r="AT24" s="776"/>
      <c r="AU24" s="776"/>
      <c r="AV24" s="776"/>
      <c r="AW24" s="776"/>
      <c r="AX24" s="776"/>
      <c r="AY24" s="776"/>
      <c r="AZ24" s="776"/>
      <c r="BA24" s="776"/>
      <c r="BB24" s="776"/>
      <c r="BC24" s="776"/>
      <c r="BD24" s="776"/>
      <c r="BE24" s="776"/>
      <c r="BF24" s="771"/>
      <c r="BG24" s="661" t="s">
        <v>138</v>
      </c>
      <c r="BH24" s="664"/>
      <c r="BI24" s="664"/>
      <c r="BJ24" s="664"/>
      <c r="BK24" s="664"/>
      <c r="BL24" s="664"/>
      <c r="BM24" s="664"/>
      <c r="BN24" s="665"/>
      <c r="BO24" s="723" t="s">
        <v>138</v>
      </c>
      <c r="BP24" s="723"/>
      <c r="BQ24" s="723"/>
      <c r="BR24" s="723"/>
      <c r="BS24" s="669" t="s">
        <v>138</v>
      </c>
      <c r="BT24" s="664"/>
      <c r="BU24" s="664"/>
      <c r="BV24" s="664"/>
      <c r="BW24" s="664"/>
      <c r="BX24" s="664"/>
      <c r="BY24" s="664"/>
      <c r="BZ24" s="664"/>
      <c r="CA24" s="664"/>
      <c r="CB24" s="704"/>
      <c r="CD24" s="732" t="s">
        <v>290</v>
      </c>
      <c r="CE24" s="733"/>
      <c r="CF24" s="733"/>
      <c r="CG24" s="733"/>
      <c r="CH24" s="733"/>
      <c r="CI24" s="733"/>
      <c r="CJ24" s="733"/>
      <c r="CK24" s="733"/>
      <c r="CL24" s="733"/>
      <c r="CM24" s="733"/>
      <c r="CN24" s="733"/>
      <c r="CO24" s="733"/>
      <c r="CP24" s="733"/>
      <c r="CQ24" s="734"/>
      <c r="CR24" s="726">
        <v>404560472</v>
      </c>
      <c r="CS24" s="727"/>
      <c r="CT24" s="727"/>
      <c r="CU24" s="727"/>
      <c r="CV24" s="727"/>
      <c r="CW24" s="727"/>
      <c r="CX24" s="727"/>
      <c r="CY24" s="773"/>
      <c r="CZ24" s="774">
        <v>56.8</v>
      </c>
      <c r="DA24" s="743"/>
      <c r="DB24" s="743"/>
      <c r="DC24" s="777"/>
      <c r="DD24" s="772">
        <v>263920276</v>
      </c>
      <c r="DE24" s="727"/>
      <c r="DF24" s="727"/>
      <c r="DG24" s="727"/>
      <c r="DH24" s="727"/>
      <c r="DI24" s="727"/>
      <c r="DJ24" s="727"/>
      <c r="DK24" s="773"/>
      <c r="DL24" s="772">
        <v>261144383</v>
      </c>
      <c r="DM24" s="727"/>
      <c r="DN24" s="727"/>
      <c r="DO24" s="727"/>
      <c r="DP24" s="727"/>
      <c r="DQ24" s="727"/>
      <c r="DR24" s="727"/>
      <c r="DS24" s="727"/>
      <c r="DT24" s="727"/>
      <c r="DU24" s="727"/>
      <c r="DV24" s="773"/>
      <c r="DW24" s="774">
        <v>69.400000000000006</v>
      </c>
      <c r="DX24" s="743"/>
      <c r="DY24" s="743"/>
      <c r="DZ24" s="743"/>
      <c r="EA24" s="743"/>
      <c r="EB24" s="743"/>
      <c r="EC24" s="775"/>
    </row>
    <row r="25" spans="2:133" ht="11.25" customHeight="1" x14ac:dyDescent="0.2">
      <c r="B25" s="658" t="s">
        <v>291</v>
      </c>
      <c r="C25" s="659"/>
      <c r="D25" s="659"/>
      <c r="E25" s="659"/>
      <c r="F25" s="659"/>
      <c r="G25" s="659"/>
      <c r="H25" s="659"/>
      <c r="I25" s="659"/>
      <c r="J25" s="659"/>
      <c r="K25" s="659"/>
      <c r="L25" s="659"/>
      <c r="M25" s="659"/>
      <c r="N25" s="659"/>
      <c r="O25" s="659"/>
      <c r="P25" s="659"/>
      <c r="Q25" s="660"/>
      <c r="R25" s="661">
        <v>12912246</v>
      </c>
      <c r="S25" s="664"/>
      <c r="T25" s="664"/>
      <c r="U25" s="664"/>
      <c r="V25" s="664"/>
      <c r="W25" s="664"/>
      <c r="X25" s="664"/>
      <c r="Y25" s="665"/>
      <c r="Z25" s="723">
        <v>1.8</v>
      </c>
      <c r="AA25" s="723"/>
      <c r="AB25" s="723"/>
      <c r="AC25" s="723"/>
      <c r="AD25" s="724">
        <v>2995658</v>
      </c>
      <c r="AE25" s="724"/>
      <c r="AF25" s="724"/>
      <c r="AG25" s="724"/>
      <c r="AH25" s="724"/>
      <c r="AI25" s="724"/>
      <c r="AJ25" s="724"/>
      <c r="AK25" s="724"/>
      <c r="AL25" s="666">
        <v>0.8</v>
      </c>
      <c r="AM25" s="667"/>
      <c r="AN25" s="667"/>
      <c r="AO25" s="725"/>
      <c r="AP25" s="769" t="s">
        <v>292</v>
      </c>
      <c r="AQ25" s="776"/>
      <c r="AR25" s="776"/>
      <c r="AS25" s="776"/>
      <c r="AT25" s="776"/>
      <c r="AU25" s="776"/>
      <c r="AV25" s="776"/>
      <c r="AW25" s="776"/>
      <c r="AX25" s="776"/>
      <c r="AY25" s="776"/>
      <c r="AZ25" s="776"/>
      <c r="BA25" s="776"/>
      <c r="BB25" s="776"/>
      <c r="BC25" s="776"/>
      <c r="BD25" s="776"/>
      <c r="BE25" s="776"/>
      <c r="BF25" s="771"/>
      <c r="BG25" s="661" t="s">
        <v>138</v>
      </c>
      <c r="BH25" s="664"/>
      <c r="BI25" s="664"/>
      <c r="BJ25" s="664"/>
      <c r="BK25" s="664"/>
      <c r="BL25" s="664"/>
      <c r="BM25" s="664"/>
      <c r="BN25" s="665"/>
      <c r="BO25" s="723" t="s">
        <v>138</v>
      </c>
      <c r="BP25" s="723"/>
      <c r="BQ25" s="723"/>
      <c r="BR25" s="723"/>
      <c r="BS25" s="669" t="s">
        <v>233</v>
      </c>
      <c r="BT25" s="664"/>
      <c r="BU25" s="664"/>
      <c r="BV25" s="664"/>
      <c r="BW25" s="664"/>
      <c r="BX25" s="664"/>
      <c r="BY25" s="664"/>
      <c r="BZ25" s="664"/>
      <c r="CA25" s="664"/>
      <c r="CB25" s="704"/>
      <c r="CD25" s="705" t="s">
        <v>293</v>
      </c>
      <c r="CE25" s="702"/>
      <c r="CF25" s="702"/>
      <c r="CG25" s="702"/>
      <c r="CH25" s="702"/>
      <c r="CI25" s="702"/>
      <c r="CJ25" s="702"/>
      <c r="CK25" s="702"/>
      <c r="CL25" s="702"/>
      <c r="CM25" s="702"/>
      <c r="CN25" s="702"/>
      <c r="CO25" s="702"/>
      <c r="CP25" s="702"/>
      <c r="CQ25" s="703"/>
      <c r="CR25" s="661">
        <v>146189128</v>
      </c>
      <c r="CS25" s="662"/>
      <c r="CT25" s="662"/>
      <c r="CU25" s="662"/>
      <c r="CV25" s="662"/>
      <c r="CW25" s="662"/>
      <c r="CX25" s="662"/>
      <c r="CY25" s="663"/>
      <c r="CZ25" s="666">
        <v>20.5</v>
      </c>
      <c r="DA25" s="695"/>
      <c r="DB25" s="695"/>
      <c r="DC25" s="696"/>
      <c r="DD25" s="669">
        <v>124342903</v>
      </c>
      <c r="DE25" s="662"/>
      <c r="DF25" s="662"/>
      <c r="DG25" s="662"/>
      <c r="DH25" s="662"/>
      <c r="DI25" s="662"/>
      <c r="DJ25" s="662"/>
      <c r="DK25" s="663"/>
      <c r="DL25" s="669">
        <v>123084680</v>
      </c>
      <c r="DM25" s="662"/>
      <c r="DN25" s="662"/>
      <c r="DO25" s="662"/>
      <c r="DP25" s="662"/>
      <c r="DQ25" s="662"/>
      <c r="DR25" s="662"/>
      <c r="DS25" s="662"/>
      <c r="DT25" s="662"/>
      <c r="DU25" s="662"/>
      <c r="DV25" s="663"/>
      <c r="DW25" s="666">
        <v>32.700000000000003</v>
      </c>
      <c r="DX25" s="695"/>
      <c r="DY25" s="695"/>
      <c r="DZ25" s="695"/>
      <c r="EA25" s="695"/>
      <c r="EB25" s="695"/>
      <c r="EC25" s="697"/>
    </row>
    <row r="26" spans="2:133" ht="11.25" customHeight="1" x14ac:dyDescent="0.2">
      <c r="B26" s="658" t="s">
        <v>294</v>
      </c>
      <c r="C26" s="659"/>
      <c r="D26" s="659"/>
      <c r="E26" s="659"/>
      <c r="F26" s="659"/>
      <c r="G26" s="659"/>
      <c r="H26" s="659"/>
      <c r="I26" s="659"/>
      <c r="J26" s="659"/>
      <c r="K26" s="659"/>
      <c r="L26" s="659"/>
      <c r="M26" s="659"/>
      <c r="N26" s="659"/>
      <c r="O26" s="659"/>
      <c r="P26" s="659"/>
      <c r="Q26" s="660"/>
      <c r="R26" s="661">
        <v>3415825</v>
      </c>
      <c r="S26" s="664"/>
      <c r="T26" s="664"/>
      <c r="U26" s="664"/>
      <c r="V26" s="664"/>
      <c r="W26" s="664"/>
      <c r="X26" s="664"/>
      <c r="Y26" s="665"/>
      <c r="Z26" s="723">
        <v>0.5</v>
      </c>
      <c r="AA26" s="723"/>
      <c r="AB26" s="723"/>
      <c r="AC26" s="723"/>
      <c r="AD26" s="724" t="s">
        <v>233</v>
      </c>
      <c r="AE26" s="724"/>
      <c r="AF26" s="724"/>
      <c r="AG26" s="724"/>
      <c r="AH26" s="724"/>
      <c r="AI26" s="724"/>
      <c r="AJ26" s="724"/>
      <c r="AK26" s="724"/>
      <c r="AL26" s="666" t="s">
        <v>233</v>
      </c>
      <c r="AM26" s="667"/>
      <c r="AN26" s="667"/>
      <c r="AO26" s="725"/>
      <c r="AP26" s="769" t="s">
        <v>295</v>
      </c>
      <c r="AQ26" s="770"/>
      <c r="AR26" s="770"/>
      <c r="AS26" s="770"/>
      <c r="AT26" s="770"/>
      <c r="AU26" s="770"/>
      <c r="AV26" s="770"/>
      <c r="AW26" s="770"/>
      <c r="AX26" s="770"/>
      <c r="AY26" s="770"/>
      <c r="AZ26" s="770"/>
      <c r="BA26" s="770"/>
      <c r="BB26" s="770"/>
      <c r="BC26" s="770"/>
      <c r="BD26" s="770"/>
      <c r="BE26" s="770"/>
      <c r="BF26" s="771"/>
      <c r="BG26" s="661" t="s">
        <v>138</v>
      </c>
      <c r="BH26" s="664"/>
      <c r="BI26" s="664"/>
      <c r="BJ26" s="664"/>
      <c r="BK26" s="664"/>
      <c r="BL26" s="664"/>
      <c r="BM26" s="664"/>
      <c r="BN26" s="665"/>
      <c r="BO26" s="723" t="s">
        <v>138</v>
      </c>
      <c r="BP26" s="723"/>
      <c r="BQ26" s="723"/>
      <c r="BR26" s="723"/>
      <c r="BS26" s="669" t="s">
        <v>138</v>
      </c>
      <c r="BT26" s="664"/>
      <c r="BU26" s="664"/>
      <c r="BV26" s="664"/>
      <c r="BW26" s="664"/>
      <c r="BX26" s="664"/>
      <c r="BY26" s="664"/>
      <c r="BZ26" s="664"/>
      <c r="CA26" s="664"/>
      <c r="CB26" s="704"/>
      <c r="CD26" s="705" t="s">
        <v>296</v>
      </c>
      <c r="CE26" s="702"/>
      <c r="CF26" s="702"/>
      <c r="CG26" s="702"/>
      <c r="CH26" s="702"/>
      <c r="CI26" s="702"/>
      <c r="CJ26" s="702"/>
      <c r="CK26" s="702"/>
      <c r="CL26" s="702"/>
      <c r="CM26" s="702"/>
      <c r="CN26" s="702"/>
      <c r="CO26" s="702"/>
      <c r="CP26" s="702"/>
      <c r="CQ26" s="703"/>
      <c r="CR26" s="661">
        <v>107733146</v>
      </c>
      <c r="CS26" s="664"/>
      <c r="CT26" s="664"/>
      <c r="CU26" s="664"/>
      <c r="CV26" s="664"/>
      <c r="CW26" s="664"/>
      <c r="CX26" s="664"/>
      <c r="CY26" s="665"/>
      <c r="CZ26" s="666">
        <v>15.1</v>
      </c>
      <c r="DA26" s="695"/>
      <c r="DB26" s="695"/>
      <c r="DC26" s="696"/>
      <c r="DD26" s="669">
        <v>87226096</v>
      </c>
      <c r="DE26" s="664"/>
      <c r="DF26" s="664"/>
      <c r="DG26" s="664"/>
      <c r="DH26" s="664"/>
      <c r="DI26" s="664"/>
      <c r="DJ26" s="664"/>
      <c r="DK26" s="665"/>
      <c r="DL26" s="669" t="s">
        <v>233</v>
      </c>
      <c r="DM26" s="664"/>
      <c r="DN26" s="664"/>
      <c r="DO26" s="664"/>
      <c r="DP26" s="664"/>
      <c r="DQ26" s="664"/>
      <c r="DR26" s="664"/>
      <c r="DS26" s="664"/>
      <c r="DT26" s="664"/>
      <c r="DU26" s="664"/>
      <c r="DV26" s="665"/>
      <c r="DW26" s="666" t="s">
        <v>233</v>
      </c>
      <c r="DX26" s="695"/>
      <c r="DY26" s="695"/>
      <c r="DZ26" s="695"/>
      <c r="EA26" s="695"/>
      <c r="EB26" s="695"/>
      <c r="EC26" s="697"/>
    </row>
    <row r="27" spans="2:133" ht="11.25" customHeight="1" x14ac:dyDescent="0.2">
      <c r="B27" s="658" t="s">
        <v>297</v>
      </c>
      <c r="C27" s="659"/>
      <c r="D27" s="659"/>
      <c r="E27" s="659"/>
      <c r="F27" s="659"/>
      <c r="G27" s="659"/>
      <c r="H27" s="659"/>
      <c r="I27" s="659"/>
      <c r="J27" s="659"/>
      <c r="K27" s="659"/>
      <c r="L27" s="659"/>
      <c r="M27" s="659"/>
      <c r="N27" s="659"/>
      <c r="O27" s="659"/>
      <c r="P27" s="659"/>
      <c r="Q27" s="660"/>
      <c r="R27" s="661">
        <v>125749996</v>
      </c>
      <c r="S27" s="664"/>
      <c r="T27" s="664"/>
      <c r="U27" s="664"/>
      <c r="V27" s="664"/>
      <c r="W27" s="664"/>
      <c r="X27" s="664"/>
      <c r="Y27" s="665"/>
      <c r="Z27" s="723">
        <v>17.600000000000001</v>
      </c>
      <c r="AA27" s="723"/>
      <c r="AB27" s="723"/>
      <c r="AC27" s="723"/>
      <c r="AD27" s="724" t="s">
        <v>233</v>
      </c>
      <c r="AE27" s="724"/>
      <c r="AF27" s="724"/>
      <c r="AG27" s="724"/>
      <c r="AH27" s="724"/>
      <c r="AI27" s="724"/>
      <c r="AJ27" s="724"/>
      <c r="AK27" s="724"/>
      <c r="AL27" s="666" t="s">
        <v>138</v>
      </c>
      <c r="AM27" s="667"/>
      <c r="AN27" s="667"/>
      <c r="AO27" s="725"/>
      <c r="AP27" s="658" t="s">
        <v>298</v>
      </c>
      <c r="AQ27" s="659"/>
      <c r="AR27" s="659"/>
      <c r="AS27" s="659"/>
      <c r="AT27" s="659"/>
      <c r="AU27" s="659"/>
      <c r="AV27" s="659"/>
      <c r="AW27" s="659"/>
      <c r="AX27" s="659"/>
      <c r="AY27" s="659"/>
      <c r="AZ27" s="659"/>
      <c r="BA27" s="659"/>
      <c r="BB27" s="659"/>
      <c r="BC27" s="659"/>
      <c r="BD27" s="659"/>
      <c r="BE27" s="659"/>
      <c r="BF27" s="660"/>
      <c r="BG27" s="661">
        <v>353077005</v>
      </c>
      <c r="BH27" s="664"/>
      <c r="BI27" s="664"/>
      <c r="BJ27" s="664"/>
      <c r="BK27" s="664"/>
      <c r="BL27" s="664"/>
      <c r="BM27" s="664"/>
      <c r="BN27" s="665"/>
      <c r="BO27" s="723">
        <v>100</v>
      </c>
      <c r="BP27" s="723"/>
      <c r="BQ27" s="723"/>
      <c r="BR27" s="723"/>
      <c r="BS27" s="669">
        <v>2336472</v>
      </c>
      <c r="BT27" s="664"/>
      <c r="BU27" s="664"/>
      <c r="BV27" s="664"/>
      <c r="BW27" s="664"/>
      <c r="BX27" s="664"/>
      <c r="BY27" s="664"/>
      <c r="BZ27" s="664"/>
      <c r="CA27" s="664"/>
      <c r="CB27" s="704"/>
      <c r="CD27" s="705" t="s">
        <v>299</v>
      </c>
      <c r="CE27" s="702"/>
      <c r="CF27" s="702"/>
      <c r="CG27" s="702"/>
      <c r="CH27" s="702"/>
      <c r="CI27" s="702"/>
      <c r="CJ27" s="702"/>
      <c r="CK27" s="702"/>
      <c r="CL27" s="702"/>
      <c r="CM27" s="702"/>
      <c r="CN27" s="702"/>
      <c r="CO27" s="702"/>
      <c r="CP27" s="702"/>
      <c r="CQ27" s="703"/>
      <c r="CR27" s="661">
        <v>185627852</v>
      </c>
      <c r="CS27" s="662"/>
      <c r="CT27" s="662"/>
      <c r="CU27" s="662"/>
      <c r="CV27" s="662"/>
      <c r="CW27" s="662"/>
      <c r="CX27" s="662"/>
      <c r="CY27" s="663"/>
      <c r="CZ27" s="666">
        <v>26.1</v>
      </c>
      <c r="DA27" s="695"/>
      <c r="DB27" s="695"/>
      <c r="DC27" s="696"/>
      <c r="DD27" s="669">
        <v>69920387</v>
      </c>
      <c r="DE27" s="662"/>
      <c r="DF27" s="662"/>
      <c r="DG27" s="662"/>
      <c r="DH27" s="662"/>
      <c r="DI27" s="662"/>
      <c r="DJ27" s="662"/>
      <c r="DK27" s="663"/>
      <c r="DL27" s="669">
        <v>69920387</v>
      </c>
      <c r="DM27" s="662"/>
      <c r="DN27" s="662"/>
      <c r="DO27" s="662"/>
      <c r="DP27" s="662"/>
      <c r="DQ27" s="662"/>
      <c r="DR27" s="662"/>
      <c r="DS27" s="662"/>
      <c r="DT27" s="662"/>
      <c r="DU27" s="662"/>
      <c r="DV27" s="663"/>
      <c r="DW27" s="666">
        <v>18.600000000000001</v>
      </c>
      <c r="DX27" s="695"/>
      <c r="DY27" s="695"/>
      <c r="DZ27" s="695"/>
      <c r="EA27" s="695"/>
      <c r="EB27" s="695"/>
      <c r="EC27" s="697"/>
    </row>
    <row r="28" spans="2:133" ht="11.25" customHeight="1" x14ac:dyDescent="0.2">
      <c r="B28" s="766" t="s">
        <v>300</v>
      </c>
      <c r="C28" s="767"/>
      <c r="D28" s="767"/>
      <c r="E28" s="767"/>
      <c r="F28" s="767"/>
      <c r="G28" s="767"/>
      <c r="H28" s="767"/>
      <c r="I28" s="767"/>
      <c r="J28" s="767"/>
      <c r="K28" s="767"/>
      <c r="L28" s="767"/>
      <c r="M28" s="767"/>
      <c r="N28" s="767"/>
      <c r="O28" s="767"/>
      <c r="P28" s="767"/>
      <c r="Q28" s="768"/>
      <c r="R28" s="661" t="s">
        <v>138</v>
      </c>
      <c r="S28" s="664"/>
      <c r="T28" s="664"/>
      <c r="U28" s="664"/>
      <c r="V28" s="664"/>
      <c r="W28" s="664"/>
      <c r="X28" s="664"/>
      <c r="Y28" s="665"/>
      <c r="Z28" s="723" t="s">
        <v>138</v>
      </c>
      <c r="AA28" s="723"/>
      <c r="AB28" s="723"/>
      <c r="AC28" s="723"/>
      <c r="AD28" s="724" t="s">
        <v>138</v>
      </c>
      <c r="AE28" s="724"/>
      <c r="AF28" s="724"/>
      <c r="AG28" s="724"/>
      <c r="AH28" s="724"/>
      <c r="AI28" s="724"/>
      <c r="AJ28" s="724"/>
      <c r="AK28" s="724"/>
      <c r="AL28" s="666" t="s">
        <v>233</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1</v>
      </c>
      <c r="CE28" s="702"/>
      <c r="CF28" s="702"/>
      <c r="CG28" s="702"/>
      <c r="CH28" s="702"/>
      <c r="CI28" s="702"/>
      <c r="CJ28" s="702"/>
      <c r="CK28" s="702"/>
      <c r="CL28" s="702"/>
      <c r="CM28" s="702"/>
      <c r="CN28" s="702"/>
      <c r="CO28" s="702"/>
      <c r="CP28" s="702"/>
      <c r="CQ28" s="703"/>
      <c r="CR28" s="661">
        <v>72743492</v>
      </c>
      <c r="CS28" s="664"/>
      <c r="CT28" s="664"/>
      <c r="CU28" s="664"/>
      <c r="CV28" s="664"/>
      <c r="CW28" s="664"/>
      <c r="CX28" s="664"/>
      <c r="CY28" s="665"/>
      <c r="CZ28" s="666">
        <v>10.199999999999999</v>
      </c>
      <c r="DA28" s="695"/>
      <c r="DB28" s="695"/>
      <c r="DC28" s="696"/>
      <c r="DD28" s="669">
        <v>69656986</v>
      </c>
      <c r="DE28" s="664"/>
      <c r="DF28" s="664"/>
      <c r="DG28" s="664"/>
      <c r="DH28" s="664"/>
      <c r="DI28" s="664"/>
      <c r="DJ28" s="664"/>
      <c r="DK28" s="665"/>
      <c r="DL28" s="669">
        <v>68139316</v>
      </c>
      <c r="DM28" s="664"/>
      <c r="DN28" s="664"/>
      <c r="DO28" s="664"/>
      <c r="DP28" s="664"/>
      <c r="DQ28" s="664"/>
      <c r="DR28" s="664"/>
      <c r="DS28" s="664"/>
      <c r="DT28" s="664"/>
      <c r="DU28" s="664"/>
      <c r="DV28" s="665"/>
      <c r="DW28" s="666">
        <v>18.100000000000001</v>
      </c>
      <c r="DX28" s="695"/>
      <c r="DY28" s="695"/>
      <c r="DZ28" s="695"/>
      <c r="EA28" s="695"/>
      <c r="EB28" s="695"/>
      <c r="EC28" s="697"/>
    </row>
    <row r="29" spans="2:133" ht="11.25" customHeight="1" x14ac:dyDescent="0.2">
      <c r="B29" s="658" t="s">
        <v>302</v>
      </c>
      <c r="C29" s="659"/>
      <c r="D29" s="659"/>
      <c r="E29" s="659"/>
      <c r="F29" s="659"/>
      <c r="G29" s="659"/>
      <c r="H29" s="659"/>
      <c r="I29" s="659"/>
      <c r="J29" s="659"/>
      <c r="K29" s="659"/>
      <c r="L29" s="659"/>
      <c r="M29" s="659"/>
      <c r="N29" s="659"/>
      <c r="O29" s="659"/>
      <c r="P29" s="659"/>
      <c r="Q29" s="660"/>
      <c r="R29" s="661">
        <v>25861859</v>
      </c>
      <c r="S29" s="664"/>
      <c r="T29" s="664"/>
      <c r="U29" s="664"/>
      <c r="V29" s="664"/>
      <c r="W29" s="664"/>
      <c r="X29" s="664"/>
      <c r="Y29" s="665"/>
      <c r="Z29" s="723">
        <v>3.6</v>
      </c>
      <c r="AA29" s="723"/>
      <c r="AB29" s="723"/>
      <c r="AC29" s="723"/>
      <c r="AD29" s="724" t="s">
        <v>138</v>
      </c>
      <c r="AE29" s="724"/>
      <c r="AF29" s="724"/>
      <c r="AG29" s="724"/>
      <c r="AH29" s="724"/>
      <c r="AI29" s="724"/>
      <c r="AJ29" s="724"/>
      <c r="AK29" s="724"/>
      <c r="AL29" s="666" t="s">
        <v>233</v>
      </c>
      <c r="AM29" s="667"/>
      <c r="AN29" s="667"/>
      <c r="AO29" s="725"/>
      <c r="AP29" s="735" t="s">
        <v>221</v>
      </c>
      <c r="AQ29" s="736"/>
      <c r="AR29" s="736"/>
      <c r="AS29" s="736"/>
      <c r="AT29" s="736"/>
      <c r="AU29" s="736"/>
      <c r="AV29" s="736"/>
      <c r="AW29" s="736"/>
      <c r="AX29" s="736"/>
      <c r="AY29" s="736"/>
      <c r="AZ29" s="736"/>
      <c r="BA29" s="736"/>
      <c r="BB29" s="736"/>
      <c r="BC29" s="736"/>
      <c r="BD29" s="736"/>
      <c r="BE29" s="736"/>
      <c r="BF29" s="737"/>
      <c r="BG29" s="735" t="s">
        <v>303</v>
      </c>
      <c r="BH29" s="763"/>
      <c r="BI29" s="763"/>
      <c r="BJ29" s="763"/>
      <c r="BK29" s="763"/>
      <c r="BL29" s="763"/>
      <c r="BM29" s="763"/>
      <c r="BN29" s="763"/>
      <c r="BO29" s="763"/>
      <c r="BP29" s="763"/>
      <c r="BQ29" s="764"/>
      <c r="BR29" s="735" t="s">
        <v>304</v>
      </c>
      <c r="BS29" s="763"/>
      <c r="BT29" s="763"/>
      <c r="BU29" s="763"/>
      <c r="BV29" s="763"/>
      <c r="BW29" s="763"/>
      <c r="BX29" s="763"/>
      <c r="BY29" s="763"/>
      <c r="BZ29" s="763"/>
      <c r="CA29" s="763"/>
      <c r="CB29" s="764"/>
      <c r="CD29" s="745" t="s">
        <v>305</v>
      </c>
      <c r="CE29" s="746"/>
      <c r="CF29" s="705" t="s">
        <v>306</v>
      </c>
      <c r="CG29" s="702"/>
      <c r="CH29" s="702"/>
      <c r="CI29" s="702"/>
      <c r="CJ29" s="702"/>
      <c r="CK29" s="702"/>
      <c r="CL29" s="702"/>
      <c r="CM29" s="702"/>
      <c r="CN29" s="702"/>
      <c r="CO29" s="702"/>
      <c r="CP29" s="702"/>
      <c r="CQ29" s="703"/>
      <c r="CR29" s="661">
        <v>72743410</v>
      </c>
      <c r="CS29" s="662"/>
      <c r="CT29" s="662"/>
      <c r="CU29" s="662"/>
      <c r="CV29" s="662"/>
      <c r="CW29" s="662"/>
      <c r="CX29" s="662"/>
      <c r="CY29" s="663"/>
      <c r="CZ29" s="666">
        <v>10.199999999999999</v>
      </c>
      <c r="DA29" s="695"/>
      <c r="DB29" s="695"/>
      <c r="DC29" s="696"/>
      <c r="DD29" s="669">
        <v>69656904</v>
      </c>
      <c r="DE29" s="662"/>
      <c r="DF29" s="662"/>
      <c r="DG29" s="662"/>
      <c r="DH29" s="662"/>
      <c r="DI29" s="662"/>
      <c r="DJ29" s="662"/>
      <c r="DK29" s="663"/>
      <c r="DL29" s="669">
        <v>68139234</v>
      </c>
      <c r="DM29" s="662"/>
      <c r="DN29" s="662"/>
      <c r="DO29" s="662"/>
      <c r="DP29" s="662"/>
      <c r="DQ29" s="662"/>
      <c r="DR29" s="662"/>
      <c r="DS29" s="662"/>
      <c r="DT29" s="662"/>
      <c r="DU29" s="662"/>
      <c r="DV29" s="663"/>
      <c r="DW29" s="666">
        <v>18.100000000000001</v>
      </c>
      <c r="DX29" s="695"/>
      <c r="DY29" s="695"/>
      <c r="DZ29" s="695"/>
      <c r="EA29" s="695"/>
      <c r="EB29" s="695"/>
      <c r="EC29" s="697"/>
    </row>
    <row r="30" spans="2:133" ht="11.25" customHeight="1" x14ac:dyDescent="0.2">
      <c r="B30" s="658" t="s">
        <v>307</v>
      </c>
      <c r="C30" s="659"/>
      <c r="D30" s="659"/>
      <c r="E30" s="659"/>
      <c r="F30" s="659"/>
      <c r="G30" s="659"/>
      <c r="H30" s="659"/>
      <c r="I30" s="659"/>
      <c r="J30" s="659"/>
      <c r="K30" s="659"/>
      <c r="L30" s="659"/>
      <c r="M30" s="659"/>
      <c r="N30" s="659"/>
      <c r="O30" s="659"/>
      <c r="P30" s="659"/>
      <c r="Q30" s="660"/>
      <c r="R30" s="661">
        <v>4132697</v>
      </c>
      <c r="S30" s="664"/>
      <c r="T30" s="664"/>
      <c r="U30" s="664"/>
      <c r="V30" s="664"/>
      <c r="W30" s="664"/>
      <c r="X30" s="664"/>
      <c r="Y30" s="665"/>
      <c r="Z30" s="723">
        <v>0.6</v>
      </c>
      <c r="AA30" s="723"/>
      <c r="AB30" s="723"/>
      <c r="AC30" s="723"/>
      <c r="AD30" s="724">
        <v>681712</v>
      </c>
      <c r="AE30" s="724"/>
      <c r="AF30" s="724"/>
      <c r="AG30" s="724"/>
      <c r="AH30" s="724"/>
      <c r="AI30" s="724"/>
      <c r="AJ30" s="724"/>
      <c r="AK30" s="724"/>
      <c r="AL30" s="666">
        <v>0.2</v>
      </c>
      <c r="AM30" s="667"/>
      <c r="AN30" s="667"/>
      <c r="AO30" s="725"/>
      <c r="AP30" s="751" t="s">
        <v>308</v>
      </c>
      <c r="AQ30" s="752"/>
      <c r="AR30" s="752"/>
      <c r="AS30" s="752"/>
      <c r="AT30" s="757" t="s">
        <v>309</v>
      </c>
      <c r="AU30" s="230"/>
      <c r="AV30" s="230"/>
      <c r="AW30" s="230"/>
      <c r="AX30" s="760" t="s">
        <v>187</v>
      </c>
      <c r="AY30" s="761"/>
      <c r="AZ30" s="761"/>
      <c r="BA30" s="761"/>
      <c r="BB30" s="761"/>
      <c r="BC30" s="761"/>
      <c r="BD30" s="761"/>
      <c r="BE30" s="761"/>
      <c r="BF30" s="762"/>
      <c r="BG30" s="741">
        <v>99.6</v>
      </c>
      <c r="BH30" s="742"/>
      <c r="BI30" s="742"/>
      <c r="BJ30" s="742"/>
      <c r="BK30" s="742"/>
      <c r="BL30" s="742"/>
      <c r="BM30" s="743">
        <v>99.2</v>
      </c>
      <c r="BN30" s="742"/>
      <c r="BO30" s="742"/>
      <c r="BP30" s="742"/>
      <c r="BQ30" s="744"/>
      <c r="BR30" s="741">
        <v>99.5</v>
      </c>
      <c r="BS30" s="742"/>
      <c r="BT30" s="742"/>
      <c r="BU30" s="742"/>
      <c r="BV30" s="742"/>
      <c r="BW30" s="742"/>
      <c r="BX30" s="743">
        <v>99</v>
      </c>
      <c r="BY30" s="742"/>
      <c r="BZ30" s="742"/>
      <c r="CA30" s="742"/>
      <c r="CB30" s="744"/>
      <c r="CD30" s="747"/>
      <c r="CE30" s="748"/>
      <c r="CF30" s="705" t="s">
        <v>310</v>
      </c>
      <c r="CG30" s="702"/>
      <c r="CH30" s="702"/>
      <c r="CI30" s="702"/>
      <c r="CJ30" s="702"/>
      <c r="CK30" s="702"/>
      <c r="CL30" s="702"/>
      <c r="CM30" s="702"/>
      <c r="CN30" s="702"/>
      <c r="CO30" s="702"/>
      <c r="CP30" s="702"/>
      <c r="CQ30" s="703"/>
      <c r="CR30" s="661">
        <v>60186464</v>
      </c>
      <c r="CS30" s="664"/>
      <c r="CT30" s="664"/>
      <c r="CU30" s="664"/>
      <c r="CV30" s="664"/>
      <c r="CW30" s="664"/>
      <c r="CX30" s="664"/>
      <c r="CY30" s="665"/>
      <c r="CZ30" s="666">
        <v>8.4</v>
      </c>
      <c r="DA30" s="695"/>
      <c r="DB30" s="695"/>
      <c r="DC30" s="696"/>
      <c r="DD30" s="669">
        <v>57676666</v>
      </c>
      <c r="DE30" s="664"/>
      <c r="DF30" s="664"/>
      <c r="DG30" s="664"/>
      <c r="DH30" s="664"/>
      <c r="DI30" s="664"/>
      <c r="DJ30" s="664"/>
      <c r="DK30" s="665"/>
      <c r="DL30" s="669">
        <v>56327636</v>
      </c>
      <c r="DM30" s="664"/>
      <c r="DN30" s="664"/>
      <c r="DO30" s="664"/>
      <c r="DP30" s="664"/>
      <c r="DQ30" s="664"/>
      <c r="DR30" s="664"/>
      <c r="DS30" s="664"/>
      <c r="DT30" s="664"/>
      <c r="DU30" s="664"/>
      <c r="DV30" s="665"/>
      <c r="DW30" s="666">
        <v>15</v>
      </c>
      <c r="DX30" s="695"/>
      <c r="DY30" s="695"/>
      <c r="DZ30" s="695"/>
      <c r="EA30" s="695"/>
      <c r="EB30" s="695"/>
      <c r="EC30" s="697"/>
    </row>
    <row r="31" spans="2:133" ht="11.25" customHeight="1" x14ac:dyDescent="0.2">
      <c r="B31" s="658" t="s">
        <v>311</v>
      </c>
      <c r="C31" s="659"/>
      <c r="D31" s="659"/>
      <c r="E31" s="659"/>
      <c r="F31" s="659"/>
      <c r="G31" s="659"/>
      <c r="H31" s="659"/>
      <c r="I31" s="659"/>
      <c r="J31" s="659"/>
      <c r="K31" s="659"/>
      <c r="L31" s="659"/>
      <c r="M31" s="659"/>
      <c r="N31" s="659"/>
      <c r="O31" s="659"/>
      <c r="P31" s="659"/>
      <c r="Q31" s="660"/>
      <c r="R31" s="661">
        <v>463086</v>
      </c>
      <c r="S31" s="664"/>
      <c r="T31" s="664"/>
      <c r="U31" s="664"/>
      <c r="V31" s="664"/>
      <c r="W31" s="664"/>
      <c r="X31" s="664"/>
      <c r="Y31" s="665"/>
      <c r="Z31" s="723">
        <v>0.1</v>
      </c>
      <c r="AA31" s="723"/>
      <c r="AB31" s="723"/>
      <c r="AC31" s="723"/>
      <c r="AD31" s="724" t="s">
        <v>233</v>
      </c>
      <c r="AE31" s="724"/>
      <c r="AF31" s="724"/>
      <c r="AG31" s="724"/>
      <c r="AH31" s="724"/>
      <c r="AI31" s="724"/>
      <c r="AJ31" s="724"/>
      <c r="AK31" s="724"/>
      <c r="AL31" s="666" t="s">
        <v>233</v>
      </c>
      <c r="AM31" s="667"/>
      <c r="AN31" s="667"/>
      <c r="AO31" s="725"/>
      <c r="AP31" s="753"/>
      <c r="AQ31" s="754"/>
      <c r="AR31" s="754"/>
      <c r="AS31" s="754"/>
      <c r="AT31" s="758"/>
      <c r="AU31" s="229" t="s">
        <v>312</v>
      </c>
      <c r="AV31" s="229"/>
      <c r="AW31" s="229"/>
      <c r="AX31" s="658" t="s">
        <v>313</v>
      </c>
      <c r="AY31" s="659"/>
      <c r="AZ31" s="659"/>
      <c r="BA31" s="659"/>
      <c r="BB31" s="659"/>
      <c r="BC31" s="659"/>
      <c r="BD31" s="659"/>
      <c r="BE31" s="659"/>
      <c r="BF31" s="660"/>
      <c r="BG31" s="739">
        <v>99.4</v>
      </c>
      <c r="BH31" s="662"/>
      <c r="BI31" s="662"/>
      <c r="BJ31" s="662"/>
      <c r="BK31" s="662"/>
      <c r="BL31" s="662"/>
      <c r="BM31" s="667">
        <v>98.9</v>
      </c>
      <c r="BN31" s="740"/>
      <c r="BO31" s="740"/>
      <c r="BP31" s="740"/>
      <c r="BQ31" s="701"/>
      <c r="BR31" s="739">
        <v>99.3</v>
      </c>
      <c r="BS31" s="662"/>
      <c r="BT31" s="662"/>
      <c r="BU31" s="662"/>
      <c r="BV31" s="662"/>
      <c r="BW31" s="662"/>
      <c r="BX31" s="667">
        <v>98.5</v>
      </c>
      <c r="BY31" s="740"/>
      <c r="BZ31" s="740"/>
      <c r="CA31" s="740"/>
      <c r="CB31" s="701"/>
      <c r="CD31" s="747"/>
      <c r="CE31" s="748"/>
      <c r="CF31" s="705" t="s">
        <v>314</v>
      </c>
      <c r="CG31" s="702"/>
      <c r="CH31" s="702"/>
      <c r="CI31" s="702"/>
      <c r="CJ31" s="702"/>
      <c r="CK31" s="702"/>
      <c r="CL31" s="702"/>
      <c r="CM31" s="702"/>
      <c r="CN31" s="702"/>
      <c r="CO31" s="702"/>
      <c r="CP31" s="702"/>
      <c r="CQ31" s="703"/>
      <c r="CR31" s="661">
        <v>12556946</v>
      </c>
      <c r="CS31" s="662"/>
      <c r="CT31" s="662"/>
      <c r="CU31" s="662"/>
      <c r="CV31" s="662"/>
      <c r="CW31" s="662"/>
      <c r="CX31" s="662"/>
      <c r="CY31" s="663"/>
      <c r="CZ31" s="666">
        <v>1.8</v>
      </c>
      <c r="DA31" s="695"/>
      <c r="DB31" s="695"/>
      <c r="DC31" s="696"/>
      <c r="DD31" s="669">
        <v>11980238</v>
      </c>
      <c r="DE31" s="662"/>
      <c r="DF31" s="662"/>
      <c r="DG31" s="662"/>
      <c r="DH31" s="662"/>
      <c r="DI31" s="662"/>
      <c r="DJ31" s="662"/>
      <c r="DK31" s="663"/>
      <c r="DL31" s="669">
        <v>11811598</v>
      </c>
      <c r="DM31" s="662"/>
      <c r="DN31" s="662"/>
      <c r="DO31" s="662"/>
      <c r="DP31" s="662"/>
      <c r="DQ31" s="662"/>
      <c r="DR31" s="662"/>
      <c r="DS31" s="662"/>
      <c r="DT31" s="662"/>
      <c r="DU31" s="662"/>
      <c r="DV31" s="663"/>
      <c r="DW31" s="666">
        <v>3.1</v>
      </c>
      <c r="DX31" s="695"/>
      <c r="DY31" s="695"/>
      <c r="DZ31" s="695"/>
      <c r="EA31" s="695"/>
      <c r="EB31" s="695"/>
      <c r="EC31" s="697"/>
    </row>
    <row r="32" spans="2:133" ht="11.25" customHeight="1" x14ac:dyDescent="0.2">
      <c r="B32" s="658" t="s">
        <v>315</v>
      </c>
      <c r="C32" s="659"/>
      <c r="D32" s="659"/>
      <c r="E32" s="659"/>
      <c r="F32" s="659"/>
      <c r="G32" s="659"/>
      <c r="H32" s="659"/>
      <c r="I32" s="659"/>
      <c r="J32" s="659"/>
      <c r="K32" s="659"/>
      <c r="L32" s="659"/>
      <c r="M32" s="659"/>
      <c r="N32" s="659"/>
      <c r="O32" s="659"/>
      <c r="P32" s="659"/>
      <c r="Q32" s="660"/>
      <c r="R32" s="661">
        <v>47446924</v>
      </c>
      <c r="S32" s="664"/>
      <c r="T32" s="664"/>
      <c r="U32" s="664"/>
      <c r="V32" s="664"/>
      <c r="W32" s="664"/>
      <c r="X32" s="664"/>
      <c r="Y32" s="665"/>
      <c r="Z32" s="723">
        <v>6.6</v>
      </c>
      <c r="AA32" s="723"/>
      <c r="AB32" s="723"/>
      <c r="AC32" s="723"/>
      <c r="AD32" s="724" t="s">
        <v>233</v>
      </c>
      <c r="AE32" s="724"/>
      <c r="AF32" s="724"/>
      <c r="AG32" s="724"/>
      <c r="AH32" s="724"/>
      <c r="AI32" s="724"/>
      <c r="AJ32" s="724"/>
      <c r="AK32" s="724"/>
      <c r="AL32" s="666" t="s">
        <v>233</v>
      </c>
      <c r="AM32" s="667"/>
      <c r="AN32" s="667"/>
      <c r="AO32" s="725"/>
      <c r="AP32" s="755"/>
      <c r="AQ32" s="756"/>
      <c r="AR32" s="756"/>
      <c r="AS32" s="756"/>
      <c r="AT32" s="759"/>
      <c r="AU32" s="231"/>
      <c r="AV32" s="231"/>
      <c r="AW32" s="231"/>
      <c r="AX32" s="673" t="s">
        <v>316</v>
      </c>
      <c r="AY32" s="674"/>
      <c r="AZ32" s="674"/>
      <c r="BA32" s="674"/>
      <c r="BB32" s="674"/>
      <c r="BC32" s="674"/>
      <c r="BD32" s="674"/>
      <c r="BE32" s="674"/>
      <c r="BF32" s="675"/>
      <c r="BG32" s="738">
        <v>99.8</v>
      </c>
      <c r="BH32" s="677"/>
      <c r="BI32" s="677"/>
      <c r="BJ32" s="677"/>
      <c r="BK32" s="677"/>
      <c r="BL32" s="677"/>
      <c r="BM32" s="721">
        <v>99.6</v>
      </c>
      <c r="BN32" s="677"/>
      <c r="BO32" s="677"/>
      <c r="BP32" s="677"/>
      <c r="BQ32" s="714"/>
      <c r="BR32" s="738">
        <v>99.7</v>
      </c>
      <c r="BS32" s="677"/>
      <c r="BT32" s="677"/>
      <c r="BU32" s="677"/>
      <c r="BV32" s="677"/>
      <c r="BW32" s="677"/>
      <c r="BX32" s="721">
        <v>99.5</v>
      </c>
      <c r="BY32" s="677"/>
      <c r="BZ32" s="677"/>
      <c r="CA32" s="677"/>
      <c r="CB32" s="714"/>
      <c r="CD32" s="749"/>
      <c r="CE32" s="750"/>
      <c r="CF32" s="705" t="s">
        <v>317</v>
      </c>
      <c r="CG32" s="702"/>
      <c r="CH32" s="702"/>
      <c r="CI32" s="702"/>
      <c r="CJ32" s="702"/>
      <c r="CK32" s="702"/>
      <c r="CL32" s="702"/>
      <c r="CM32" s="702"/>
      <c r="CN32" s="702"/>
      <c r="CO32" s="702"/>
      <c r="CP32" s="702"/>
      <c r="CQ32" s="703"/>
      <c r="CR32" s="661">
        <v>82</v>
      </c>
      <c r="CS32" s="664"/>
      <c r="CT32" s="664"/>
      <c r="CU32" s="664"/>
      <c r="CV32" s="664"/>
      <c r="CW32" s="664"/>
      <c r="CX32" s="664"/>
      <c r="CY32" s="665"/>
      <c r="CZ32" s="666">
        <v>0</v>
      </c>
      <c r="DA32" s="695"/>
      <c r="DB32" s="695"/>
      <c r="DC32" s="696"/>
      <c r="DD32" s="669">
        <v>82</v>
      </c>
      <c r="DE32" s="664"/>
      <c r="DF32" s="664"/>
      <c r="DG32" s="664"/>
      <c r="DH32" s="664"/>
      <c r="DI32" s="664"/>
      <c r="DJ32" s="664"/>
      <c r="DK32" s="665"/>
      <c r="DL32" s="669">
        <v>82</v>
      </c>
      <c r="DM32" s="664"/>
      <c r="DN32" s="664"/>
      <c r="DO32" s="664"/>
      <c r="DP32" s="664"/>
      <c r="DQ32" s="664"/>
      <c r="DR32" s="664"/>
      <c r="DS32" s="664"/>
      <c r="DT32" s="664"/>
      <c r="DU32" s="664"/>
      <c r="DV32" s="665"/>
      <c r="DW32" s="666">
        <v>0</v>
      </c>
      <c r="DX32" s="695"/>
      <c r="DY32" s="695"/>
      <c r="DZ32" s="695"/>
      <c r="EA32" s="695"/>
      <c r="EB32" s="695"/>
      <c r="EC32" s="697"/>
    </row>
    <row r="33" spans="2:133" ht="11.25" customHeight="1" x14ac:dyDescent="0.2">
      <c r="B33" s="658" t="s">
        <v>318</v>
      </c>
      <c r="C33" s="659"/>
      <c r="D33" s="659"/>
      <c r="E33" s="659"/>
      <c r="F33" s="659"/>
      <c r="G33" s="659"/>
      <c r="H33" s="659"/>
      <c r="I33" s="659"/>
      <c r="J33" s="659"/>
      <c r="K33" s="659"/>
      <c r="L33" s="659"/>
      <c r="M33" s="659"/>
      <c r="N33" s="659"/>
      <c r="O33" s="659"/>
      <c r="P33" s="659"/>
      <c r="Q33" s="660"/>
      <c r="R33" s="661">
        <v>3686462</v>
      </c>
      <c r="S33" s="664"/>
      <c r="T33" s="664"/>
      <c r="U33" s="664"/>
      <c r="V33" s="664"/>
      <c r="W33" s="664"/>
      <c r="X33" s="664"/>
      <c r="Y33" s="665"/>
      <c r="Z33" s="723">
        <v>0.5</v>
      </c>
      <c r="AA33" s="723"/>
      <c r="AB33" s="723"/>
      <c r="AC33" s="723"/>
      <c r="AD33" s="724" t="s">
        <v>233</v>
      </c>
      <c r="AE33" s="724"/>
      <c r="AF33" s="724"/>
      <c r="AG33" s="724"/>
      <c r="AH33" s="724"/>
      <c r="AI33" s="724"/>
      <c r="AJ33" s="724"/>
      <c r="AK33" s="724"/>
      <c r="AL33" s="666" t="s">
        <v>138</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19</v>
      </c>
      <c r="CE33" s="702"/>
      <c r="CF33" s="702"/>
      <c r="CG33" s="702"/>
      <c r="CH33" s="702"/>
      <c r="CI33" s="702"/>
      <c r="CJ33" s="702"/>
      <c r="CK33" s="702"/>
      <c r="CL33" s="702"/>
      <c r="CM33" s="702"/>
      <c r="CN33" s="702"/>
      <c r="CO33" s="702"/>
      <c r="CP33" s="702"/>
      <c r="CQ33" s="703"/>
      <c r="CR33" s="661">
        <v>215374395</v>
      </c>
      <c r="CS33" s="662"/>
      <c r="CT33" s="662"/>
      <c r="CU33" s="662"/>
      <c r="CV33" s="662"/>
      <c r="CW33" s="662"/>
      <c r="CX33" s="662"/>
      <c r="CY33" s="663"/>
      <c r="CZ33" s="666">
        <v>30.2</v>
      </c>
      <c r="DA33" s="695"/>
      <c r="DB33" s="695"/>
      <c r="DC33" s="696"/>
      <c r="DD33" s="669">
        <v>167933664</v>
      </c>
      <c r="DE33" s="662"/>
      <c r="DF33" s="662"/>
      <c r="DG33" s="662"/>
      <c r="DH33" s="662"/>
      <c r="DI33" s="662"/>
      <c r="DJ33" s="662"/>
      <c r="DK33" s="663"/>
      <c r="DL33" s="669">
        <v>114312838</v>
      </c>
      <c r="DM33" s="662"/>
      <c r="DN33" s="662"/>
      <c r="DO33" s="662"/>
      <c r="DP33" s="662"/>
      <c r="DQ33" s="662"/>
      <c r="DR33" s="662"/>
      <c r="DS33" s="662"/>
      <c r="DT33" s="662"/>
      <c r="DU33" s="662"/>
      <c r="DV33" s="663"/>
      <c r="DW33" s="666">
        <v>30.4</v>
      </c>
      <c r="DX33" s="695"/>
      <c r="DY33" s="695"/>
      <c r="DZ33" s="695"/>
      <c r="EA33" s="695"/>
      <c r="EB33" s="695"/>
      <c r="EC33" s="697"/>
    </row>
    <row r="34" spans="2:133" ht="11.25" customHeight="1" x14ac:dyDescent="0.2">
      <c r="B34" s="658" t="s">
        <v>320</v>
      </c>
      <c r="C34" s="659"/>
      <c r="D34" s="659"/>
      <c r="E34" s="659"/>
      <c r="F34" s="659"/>
      <c r="G34" s="659"/>
      <c r="H34" s="659"/>
      <c r="I34" s="659"/>
      <c r="J34" s="659"/>
      <c r="K34" s="659"/>
      <c r="L34" s="659"/>
      <c r="M34" s="659"/>
      <c r="N34" s="659"/>
      <c r="O34" s="659"/>
      <c r="P34" s="659"/>
      <c r="Q34" s="660"/>
      <c r="R34" s="661">
        <v>31326837</v>
      </c>
      <c r="S34" s="664"/>
      <c r="T34" s="664"/>
      <c r="U34" s="664"/>
      <c r="V34" s="664"/>
      <c r="W34" s="664"/>
      <c r="X34" s="664"/>
      <c r="Y34" s="665"/>
      <c r="Z34" s="723">
        <v>4.4000000000000004</v>
      </c>
      <c r="AA34" s="723"/>
      <c r="AB34" s="723"/>
      <c r="AC34" s="723"/>
      <c r="AD34" s="724">
        <v>159857</v>
      </c>
      <c r="AE34" s="724"/>
      <c r="AF34" s="724"/>
      <c r="AG34" s="724"/>
      <c r="AH34" s="724"/>
      <c r="AI34" s="724"/>
      <c r="AJ34" s="724"/>
      <c r="AK34" s="724"/>
      <c r="AL34" s="666">
        <v>0</v>
      </c>
      <c r="AM34" s="667"/>
      <c r="AN34" s="667"/>
      <c r="AO34" s="725"/>
      <c r="AP34" s="234"/>
      <c r="AQ34" s="735" t="s">
        <v>321</v>
      </c>
      <c r="AR34" s="736"/>
      <c r="AS34" s="736"/>
      <c r="AT34" s="736"/>
      <c r="AU34" s="736"/>
      <c r="AV34" s="736"/>
      <c r="AW34" s="736"/>
      <c r="AX34" s="736"/>
      <c r="AY34" s="736"/>
      <c r="AZ34" s="736"/>
      <c r="BA34" s="736"/>
      <c r="BB34" s="736"/>
      <c r="BC34" s="736"/>
      <c r="BD34" s="736"/>
      <c r="BE34" s="736"/>
      <c r="BF34" s="737"/>
      <c r="BG34" s="735" t="s">
        <v>322</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3</v>
      </c>
      <c r="CE34" s="702"/>
      <c r="CF34" s="702"/>
      <c r="CG34" s="702"/>
      <c r="CH34" s="702"/>
      <c r="CI34" s="702"/>
      <c r="CJ34" s="702"/>
      <c r="CK34" s="702"/>
      <c r="CL34" s="702"/>
      <c r="CM34" s="702"/>
      <c r="CN34" s="702"/>
      <c r="CO34" s="702"/>
      <c r="CP34" s="702"/>
      <c r="CQ34" s="703"/>
      <c r="CR34" s="661">
        <v>69584176</v>
      </c>
      <c r="CS34" s="664"/>
      <c r="CT34" s="664"/>
      <c r="CU34" s="664"/>
      <c r="CV34" s="664"/>
      <c r="CW34" s="664"/>
      <c r="CX34" s="664"/>
      <c r="CY34" s="665"/>
      <c r="CZ34" s="666">
        <v>9.8000000000000007</v>
      </c>
      <c r="DA34" s="695"/>
      <c r="DB34" s="695"/>
      <c r="DC34" s="696"/>
      <c r="DD34" s="669">
        <v>59396561</v>
      </c>
      <c r="DE34" s="664"/>
      <c r="DF34" s="664"/>
      <c r="DG34" s="664"/>
      <c r="DH34" s="664"/>
      <c r="DI34" s="664"/>
      <c r="DJ34" s="664"/>
      <c r="DK34" s="665"/>
      <c r="DL34" s="669">
        <v>53779081</v>
      </c>
      <c r="DM34" s="664"/>
      <c r="DN34" s="664"/>
      <c r="DO34" s="664"/>
      <c r="DP34" s="664"/>
      <c r="DQ34" s="664"/>
      <c r="DR34" s="664"/>
      <c r="DS34" s="664"/>
      <c r="DT34" s="664"/>
      <c r="DU34" s="664"/>
      <c r="DV34" s="665"/>
      <c r="DW34" s="666">
        <v>14.3</v>
      </c>
      <c r="DX34" s="695"/>
      <c r="DY34" s="695"/>
      <c r="DZ34" s="695"/>
      <c r="EA34" s="695"/>
      <c r="EB34" s="695"/>
      <c r="EC34" s="697"/>
    </row>
    <row r="35" spans="2:133" ht="11.25" customHeight="1" x14ac:dyDescent="0.2">
      <c r="B35" s="658" t="s">
        <v>324</v>
      </c>
      <c r="C35" s="659"/>
      <c r="D35" s="659"/>
      <c r="E35" s="659"/>
      <c r="F35" s="659"/>
      <c r="G35" s="659"/>
      <c r="H35" s="659"/>
      <c r="I35" s="659"/>
      <c r="J35" s="659"/>
      <c r="K35" s="659"/>
      <c r="L35" s="659"/>
      <c r="M35" s="659"/>
      <c r="N35" s="659"/>
      <c r="O35" s="659"/>
      <c r="P35" s="659"/>
      <c r="Q35" s="660"/>
      <c r="R35" s="661">
        <v>46893800</v>
      </c>
      <c r="S35" s="664"/>
      <c r="T35" s="664"/>
      <c r="U35" s="664"/>
      <c r="V35" s="664"/>
      <c r="W35" s="664"/>
      <c r="X35" s="664"/>
      <c r="Y35" s="665"/>
      <c r="Z35" s="723">
        <v>6.6</v>
      </c>
      <c r="AA35" s="723"/>
      <c r="AB35" s="723"/>
      <c r="AC35" s="723"/>
      <c r="AD35" s="724" t="s">
        <v>138</v>
      </c>
      <c r="AE35" s="724"/>
      <c r="AF35" s="724"/>
      <c r="AG35" s="724"/>
      <c r="AH35" s="724"/>
      <c r="AI35" s="724"/>
      <c r="AJ35" s="724"/>
      <c r="AK35" s="724"/>
      <c r="AL35" s="666" t="s">
        <v>233</v>
      </c>
      <c r="AM35" s="667"/>
      <c r="AN35" s="667"/>
      <c r="AO35" s="725"/>
      <c r="AP35" s="234"/>
      <c r="AQ35" s="729" t="s">
        <v>325</v>
      </c>
      <c r="AR35" s="730"/>
      <c r="AS35" s="730"/>
      <c r="AT35" s="730"/>
      <c r="AU35" s="730"/>
      <c r="AV35" s="730"/>
      <c r="AW35" s="730"/>
      <c r="AX35" s="730"/>
      <c r="AY35" s="731"/>
      <c r="AZ35" s="726">
        <v>63945174</v>
      </c>
      <c r="BA35" s="727"/>
      <c r="BB35" s="727"/>
      <c r="BC35" s="727"/>
      <c r="BD35" s="727"/>
      <c r="BE35" s="727"/>
      <c r="BF35" s="728"/>
      <c r="BG35" s="732" t="s">
        <v>326</v>
      </c>
      <c r="BH35" s="733"/>
      <c r="BI35" s="733"/>
      <c r="BJ35" s="733"/>
      <c r="BK35" s="733"/>
      <c r="BL35" s="733"/>
      <c r="BM35" s="733"/>
      <c r="BN35" s="733"/>
      <c r="BO35" s="733"/>
      <c r="BP35" s="733"/>
      <c r="BQ35" s="733"/>
      <c r="BR35" s="733"/>
      <c r="BS35" s="733"/>
      <c r="BT35" s="733"/>
      <c r="BU35" s="734"/>
      <c r="BV35" s="726">
        <v>709472</v>
      </c>
      <c r="BW35" s="727"/>
      <c r="BX35" s="727"/>
      <c r="BY35" s="727"/>
      <c r="BZ35" s="727"/>
      <c r="CA35" s="727"/>
      <c r="CB35" s="728"/>
      <c r="CD35" s="705" t="s">
        <v>327</v>
      </c>
      <c r="CE35" s="702"/>
      <c r="CF35" s="702"/>
      <c r="CG35" s="702"/>
      <c r="CH35" s="702"/>
      <c r="CI35" s="702"/>
      <c r="CJ35" s="702"/>
      <c r="CK35" s="702"/>
      <c r="CL35" s="702"/>
      <c r="CM35" s="702"/>
      <c r="CN35" s="702"/>
      <c r="CO35" s="702"/>
      <c r="CP35" s="702"/>
      <c r="CQ35" s="703"/>
      <c r="CR35" s="661">
        <v>6737572</v>
      </c>
      <c r="CS35" s="662"/>
      <c r="CT35" s="662"/>
      <c r="CU35" s="662"/>
      <c r="CV35" s="662"/>
      <c r="CW35" s="662"/>
      <c r="CX35" s="662"/>
      <c r="CY35" s="663"/>
      <c r="CZ35" s="666">
        <v>0.9</v>
      </c>
      <c r="DA35" s="695"/>
      <c r="DB35" s="695"/>
      <c r="DC35" s="696"/>
      <c r="DD35" s="669">
        <v>4459322</v>
      </c>
      <c r="DE35" s="662"/>
      <c r="DF35" s="662"/>
      <c r="DG35" s="662"/>
      <c r="DH35" s="662"/>
      <c r="DI35" s="662"/>
      <c r="DJ35" s="662"/>
      <c r="DK35" s="663"/>
      <c r="DL35" s="669">
        <v>4459322</v>
      </c>
      <c r="DM35" s="662"/>
      <c r="DN35" s="662"/>
      <c r="DO35" s="662"/>
      <c r="DP35" s="662"/>
      <c r="DQ35" s="662"/>
      <c r="DR35" s="662"/>
      <c r="DS35" s="662"/>
      <c r="DT35" s="662"/>
      <c r="DU35" s="662"/>
      <c r="DV35" s="663"/>
      <c r="DW35" s="666">
        <v>1.2</v>
      </c>
      <c r="DX35" s="695"/>
      <c r="DY35" s="695"/>
      <c r="DZ35" s="695"/>
      <c r="EA35" s="695"/>
      <c r="EB35" s="695"/>
      <c r="EC35" s="697"/>
    </row>
    <row r="36" spans="2:133" ht="11.25" customHeight="1" x14ac:dyDescent="0.2">
      <c r="B36" s="658" t="s">
        <v>328</v>
      </c>
      <c r="C36" s="659"/>
      <c r="D36" s="659"/>
      <c r="E36" s="659"/>
      <c r="F36" s="659"/>
      <c r="G36" s="659"/>
      <c r="H36" s="659"/>
      <c r="I36" s="659"/>
      <c r="J36" s="659"/>
      <c r="K36" s="659"/>
      <c r="L36" s="659"/>
      <c r="M36" s="659"/>
      <c r="N36" s="659"/>
      <c r="O36" s="659"/>
      <c r="P36" s="659"/>
      <c r="Q36" s="660"/>
      <c r="R36" s="661" t="s">
        <v>233</v>
      </c>
      <c r="S36" s="664"/>
      <c r="T36" s="664"/>
      <c r="U36" s="664"/>
      <c r="V36" s="664"/>
      <c r="W36" s="664"/>
      <c r="X36" s="664"/>
      <c r="Y36" s="665"/>
      <c r="Z36" s="723" t="s">
        <v>233</v>
      </c>
      <c r="AA36" s="723"/>
      <c r="AB36" s="723"/>
      <c r="AC36" s="723"/>
      <c r="AD36" s="724" t="s">
        <v>233</v>
      </c>
      <c r="AE36" s="724"/>
      <c r="AF36" s="724"/>
      <c r="AG36" s="724"/>
      <c r="AH36" s="724"/>
      <c r="AI36" s="724"/>
      <c r="AJ36" s="724"/>
      <c r="AK36" s="724"/>
      <c r="AL36" s="666" t="s">
        <v>138</v>
      </c>
      <c r="AM36" s="667"/>
      <c r="AN36" s="667"/>
      <c r="AO36" s="725"/>
      <c r="AQ36" s="698" t="s">
        <v>329</v>
      </c>
      <c r="AR36" s="699"/>
      <c r="AS36" s="699"/>
      <c r="AT36" s="699"/>
      <c r="AU36" s="699"/>
      <c r="AV36" s="699"/>
      <c r="AW36" s="699"/>
      <c r="AX36" s="699"/>
      <c r="AY36" s="700"/>
      <c r="AZ36" s="661">
        <v>17126143</v>
      </c>
      <c r="BA36" s="664"/>
      <c r="BB36" s="664"/>
      <c r="BC36" s="664"/>
      <c r="BD36" s="662"/>
      <c r="BE36" s="662"/>
      <c r="BF36" s="701"/>
      <c r="BG36" s="705" t="s">
        <v>330</v>
      </c>
      <c r="BH36" s="702"/>
      <c r="BI36" s="702"/>
      <c r="BJ36" s="702"/>
      <c r="BK36" s="702"/>
      <c r="BL36" s="702"/>
      <c r="BM36" s="702"/>
      <c r="BN36" s="702"/>
      <c r="BO36" s="702"/>
      <c r="BP36" s="702"/>
      <c r="BQ36" s="702"/>
      <c r="BR36" s="702"/>
      <c r="BS36" s="702"/>
      <c r="BT36" s="702"/>
      <c r="BU36" s="703"/>
      <c r="BV36" s="661">
        <v>-3017600</v>
      </c>
      <c r="BW36" s="664"/>
      <c r="BX36" s="664"/>
      <c r="BY36" s="664"/>
      <c r="BZ36" s="664"/>
      <c r="CA36" s="664"/>
      <c r="CB36" s="704"/>
      <c r="CD36" s="705" t="s">
        <v>331</v>
      </c>
      <c r="CE36" s="702"/>
      <c r="CF36" s="702"/>
      <c r="CG36" s="702"/>
      <c r="CH36" s="702"/>
      <c r="CI36" s="702"/>
      <c r="CJ36" s="702"/>
      <c r="CK36" s="702"/>
      <c r="CL36" s="702"/>
      <c r="CM36" s="702"/>
      <c r="CN36" s="702"/>
      <c r="CO36" s="702"/>
      <c r="CP36" s="702"/>
      <c r="CQ36" s="703"/>
      <c r="CR36" s="661">
        <v>70234601</v>
      </c>
      <c r="CS36" s="664"/>
      <c r="CT36" s="664"/>
      <c r="CU36" s="664"/>
      <c r="CV36" s="664"/>
      <c r="CW36" s="664"/>
      <c r="CX36" s="664"/>
      <c r="CY36" s="665"/>
      <c r="CZ36" s="666">
        <v>9.9</v>
      </c>
      <c r="DA36" s="695"/>
      <c r="DB36" s="695"/>
      <c r="DC36" s="696"/>
      <c r="DD36" s="669">
        <v>64780236</v>
      </c>
      <c r="DE36" s="664"/>
      <c r="DF36" s="664"/>
      <c r="DG36" s="664"/>
      <c r="DH36" s="664"/>
      <c r="DI36" s="664"/>
      <c r="DJ36" s="664"/>
      <c r="DK36" s="665"/>
      <c r="DL36" s="669">
        <v>28992451</v>
      </c>
      <c r="DM36" s="664"/>
      <c r="DN36" s="664"/>
      <c r="DO36" s="664"/>
      <c r="DP36" s="664"/>
      <c r="DQ36" s="664"/>
      <c r="DR36" s="664"/>
      <c r="DS36" s="664"/>
      <c r="DT36" s="664"/>
      <c r="DU36" s="664"/>
      <c r="DV36" s="665"/>
      <c r="DW36" s="666">
        <v>7.7</v>
      </c>
      <c r="DX36" s="695"/>
      <c r="DY36" s="695"/>
      <c r="DZ36" s="695"/>
      <c r="EA36" s="695"/>
      <c r="EB36" s="695"/>
      <c r="EC36" s="697"/>
    </row>
    <row r="37" spans="2:133" ht="11.25" customHeight="1" x14ac:dyDescent="0.2">
      <c r="B37" s="658" t="s">
        <v>332</v>
      </c>
      <c r="C37" s="659"/>
      <c r="D37" s="659"/>
      <c r="E37" s="659"/>
      <c r="F37" s="659"/>
      <c r="G37" s="659"/>
      <c r="H37" s="659"/>
      <c r="I37" s="659"/>
      <c r="J37" s="659"/>
      <c r="K37" s="659"/>
      <c r="L37" s="659"/>
      <c r="M37" s="659"/>
      <c r="N37" s="659"/>
      <c r="O37" s="659"/>
      <c r="P37" s="659"/>
      <c r="Q37" s="660"/>
      <c r="R37" s="661" t="s">
        <v>233</v>
      </c>
      <c r="S37" s="664"/>
      <c r="T37" s="664"/>
      <c r="U37" s="664"/>
      <c r="V37" s="664"/>
      <c r="W37" s="664"/>
      <c r="X37" s="664"/>
      <c r="Y37" s="665"/>
      <c r="Z37" s="723" t="s">
        <v>233</v>
      </c>
      <c r="AA37" s="723"/>
      <c r="AB37" s="723"/>
      <c r="AC37" s="723"/>
      <c r="AD37" s="724" t="s">
        <v>233</v>
      </c>
      <c r="AE37" s="724"/>
      <c r="AF37" s="724"/>
      <c r="AG37" s="724"/>
      <c r="AH37" s="724"/>
      <c r="AI37" s="724"/>
      <c r="AJ37" s="724"/>
      <c r="AK37" s="724"/>
      <c r="AL37" s="666" t="s">
        <v>138</v>
      </c>
      <c r="AM37" s="667"/>
      <c r="AN37" s="667"/>
      <c r="AO37" s="725"/>
      <c r="AQ37" s="698" t="s">
        <v>333</v>
      </c>
      <c r="AR37" s="699"/>
      <c r="AS37" s="699"/>
      <c r="AT37" s="699"/>
      <c r="AU37" s="699"/>
      <c r="AV37" s="699"/>
      <c r="AW37" s="699"/>
      <c r="AX37" s="699"/>
      <c r="AY37" s="700"/>
      <c r="AZ37" s="661">
        <v>7887774</v>
      </c>
      <c r="BA37" s="664"/>
      <c r="BB37" s="664"/>
      <c r="BC37" s="664"/>
      <c r="BD37" s="662"/>
      <c r="BE37" s="662"/>
      <c r="BF37" s="701"/>
      <c r="BG37" s="705" t="s">
        <v>334</v>
      </c>
      <c r="BH37" s="702"/>
      <c r="BI37" s="702"/>
      <c r="BJ37" s="702"/>
      <c r="BK37" s="702"/>
      <c r="BL37" s="702"/>
      <c r="BM37" s="702"/>
      <c r="BN37" s="702"/>
      <c r="BO37" s="702"/>
      <c r="BP37" s="702"/>
      <c r="BQ37" s="702"/>
      <c r="BR37" s="702"/>
      <c r="BS37" s="702"/>
      <c r="BT37" s="702"/>
      <c r="BU37" s="703"/>
      <c r="BV37" s="661">
        <v>181441</v>
      </c>
      <c r="BW37" s="664"/>
      <c r="BX37" s="664"/>
      <c r="BY37" s="664"/>
      <c r="BZ37" s="664"/>
      <c r="CA37" s="664"/>
      <c r="CB37" s="704"/>
      <c r="CD37" s="705" t="s">
        <v>335</v>
      </c>
      <c r="CE37" s="702"/>
      <c r="CF37" s="702"/>
      <c r="CG37" s="702"/>
      <c r="CH37" s="702"/>
      <c r="CI37" s="702"/>
      <c r="CJ37" s="702"/>
      <c r="CK37" s="702"/>
      <c r="CL37" s="702"/>
      <c r="CM37" s="702"/>
      <c r="CN37" s="702"/>
      <c r="CO37" s="702"/>
      <c r="CP37" s="702"/>
      <c r="CQ37" s="703"/>
      <c r="CR37" s="661">
        <v>48121</v>
      </c>
      <c r="CS37" s="662"/>
      <c r="CT37" s="662"/>
      <c r="CU37" s="662"/>
      <c r="CV37" s="662"/>
      <c r="CW37" s="662"/>
      <c r="CX37" s="662"/>
      <c r="CY37" s="663"/>
      <c r="CZ37" s="666">
        <v>0</v>
      </c>
      <c r="DA37" s="695"/>
      <c r="DB37" s="695"/>
      <c r="DC37" s="696"/>
      <c r="DD37" s="669">
        <v>48121</v>
      </c>
      <c r="DE37" s="662"/>
      <c r="DF37" s="662"/>
      <c r="DG37" s="662"/>
      <c r="DH37" s="662"/>
      <c r="DI37" s="662"/>
      <c r="DJ37" s="662"/>
      <c r="DK37" s="663"/>
      <c r="DL37" s="669">
        <v>48121</v>
      </c>
      <c r="DM37" s="662"/>
      <c r="DN37" s="662"/>
      <c r="DO37" s="662"/>
      <c r="DP37" s="662"/>
      <c r="DQ37" s="662"/>
      <c r="DR37" s="662"/>
      <c r="DS37" s="662"/>
      <c r="DT37" s="662"/>
      <c r="DU37" s="662"/>
      <c r="DV37" s="663"/>
      <c r="DW37" s="666">
        <v>0</v>
      </c>
      <c r="DX37" s="695"/>
      <c r="DY37" s="695"/>
      <c r="DZ37" s="695"/>
      <c r="EA37" s="695"/>
      <c r="EB37" s="695"/>
      <c r="EC37" s="697"/>
    </row>
    <row r="38" spans="2:133" ht="11.25" customHeight="1" x14ac:dyDescent="0.2">
      <c r="B38" s="673" t="s">
        <v>336</v>
      </c>
      <c r="C38" s="674"/>
      <c r="D38" s="674"/>
      <c r="E38" s="674"/>
      <c r="F38" s="674"/>
      <c r="G38" s="674"/>
      <c r="H38" s="674"/>
      <c r="I38" s="674"/>
      <c r="J38" s="674"/>
      <c r="K38" s="674"/>
      <c r="L38" s="674"/>
      <c r="M38" s="674"/>
      <c r="N38" s="674"/>
      <c r="O38" s="674"/>
      <c r="P38" s="674"/>
      <c r="Q38" s="675"/>
      <c r="R38" s="676">
        <v>715393440</v>
      </c>
      <c r="S38" s="713"/>
      <c r="T38" s="713"/>
      <c r="U38" s="713"/>
      <c r="V38" s="713"/>
      <c r="W38" s="713"/>
      <c r="X38" s="713"/>
      <c r="Y38" s="718"/>
      <c r="Z38" s="719">
        <v>100</v>
      </c>
      <c r="AA38" s="719"/>
      <c r="AB38" s="719"/>
      <c r="AC38" s="719"/>
      <c r="AD38" s="720">
        <v>376387371</v>
      </c>
      <c r="AE38" s="720"/>
      <c r="AF38" s="720"/>
      <c r="AG38" s="720"/>
      <c r="AH38" s="720"/>
      <c r="AI38" s="720"/>
      <c r="AJ38" s="720"/>
      <c r="AK38" s="720"/>
      <c r="AL38" s="679">
        <v>100</v>
      </c>
      <c r="AM38" s="721"/>
      <c r="AN38" s="721"/>
      <c r="AO38" s="722"/>
      <c r="AQ38" s="698" t="s">
        <v>337</v>
      </c>
      <c r="AR38" s="699"/>
      <c r="AS38" s="699"/>
      <c r="AT38" s="699"/>
      <c r="AU38" s="699"/>
      <c r="AV38" s="699"/>
      <c r="AW38" s="699"/>
      <c r="AX38" s="699"/>
      <c r="AY38" s="700"/>
      <c r="AZ38" s="661">
        <v>1252094</v>
      </c>
      <c r="BA38" s="664"/>
      <c r="BB38" s="664"/>
      <c r="BC38" s="664"/>
      <c r="BD38" s="662"/>
      <c r="BE38" s="662"/>
      <c r="BF38" s="701"/>
      <c r="BG38" s="705" t="s">
        <v>338</v>
      </c>
      <c r="BH38" s="702"/>
      <c r="BI38" s="702"/>
      <c r="BJ38" s="702"/>
      <c r="BK38" s="702"/>
      <c r="BL38" s="702"/>
      <c r="BM38" s="702"/>
      <c r="BN38" s="702"/>
      <c r="BO38" s="702"/>
      <c r="BP38" s="702"/>
      <c r="BQ38" s="702"/>
      <c r="BR38" s="702"/>
      <c r="BS38" s="702"/>
      <c r="BT38" s="702"/>
      <c r="BU38" s="703"/>
      <c r="BV38" s="661">
        <v>266570</v>
      </c>
      <c r="BW38" s="664"/>
      <c r="BX38" s="664"/>
      <c r="BY38" s="664"/>
      <c r="BZ38" s="664"/>
      <c r="CA38" s="664"/>
      <c r="CB38" s="704"/>
      <c r="CD38" s="705" t="s">
        <v>339</v>
      </c>
      <c r="CE38" s="702"/>
      <c r="CF38" s="702"/>
      <c r="CG38" s="702"/>
      <c r="CH38" s="702"/>
      <c r="CI38" s="702"/>
      <c r="CJ38" s="702"/>
      <c r="CK38" s="702"/>
      <c r="CL38" s="702"/>
      <c r="CM38" s="702"/>
      <c r="CN38" s="702"/>
      <c r="CO38" s="702"/>
      <c r="CP38" s="702"/>
      <c r="CQ38" s="703"/>
      <c r="CR38" s="661">
        <v>36845255</v>
      </c>
      <c r="CS38" s="664"/>
      <c r="CT38" s="664"/>
      <c r="CU38" s="664"/>
      <c r="CV38" s="664"/>
      <c r="CW38" s="664"/>
      <c r="CX38" s="664"/>
      <c r="CY38" s="665"/>
      <c r="CZ38" s="666">
        <v>5.2</v>
      </c>
      <c r="DA38" s="695"/>
      <c r="DB38" s="695"/>
      <c r="DC38" s="696"/>
      <c r="DD38" s="669">
        <v>31854920</v>
      </c>
      <c r="DE38" s="664"/>
      <c r="DF38" s="664"/>
      <c r="DG38" s="664"/>
      <c r="DH38" s="664"/>
      <c r="DI38" s="664"/>
      <c r="DJ38" s="664"/>
      <c r="DK38" s="665"/>
      <c r="DL38" s="669">
        <v>27061321</v>
      </c>
      <c r="DM38" s="664"/>
      <c r="DN38" s="664"/>
      <c r="DO38" s="664"/>
      <c r="DP38" s="664"/>
      <c r="DQ38" s="664"/>
      <c r="DR38" s="664"/>
      <c r="DS38" s="664"/>
      <c r="DT38" s="664"/>
      <c r="DU38" s="664"/>
      <c r="DV38" s="665"/>
      <c r="DW38" s="666">
        <v>7.2</v>
      </c>
      <c r="DX38" s="695"/>
      <c r="DY38" s="695"/>
      <c r="DZ38" s="695"/>
      <c r="EA38" s="695"/>
      <c r="EB38" s="695"/>
      <c r="EC38" s="697"/>
    </row>
    <row r="39" spans="2:133" ht="11.25" customHeight="1" x14ac:dyDescent="0.2">
      <c r="AQ39" s="698" t="s">
        <v>340</v>
      </c>
      <c r="AR39" s="699"/>
      <c r="AS39" s="699"/>
      <c r="AT39" s="699"/>
      <c r="AU39" s="699"/>
      <c r="AV39" s="699"/>
      <c r="AW39" s="699"/>
      <c r="AX39" s="699"/>
      <c r="AY39" s="700"/>
      <c r="AZ39" s="661">
        <v>657636</v>
      </c>
      <c r="BA39" s="664"/>
      <c r="BB39" s="664"/>
      <c r="BC39" s="664"/>
      <c r="BD39" s="662"/>
      <c r="BE39" s="662"/>
      <c r="BF39" s="701"/>
      <c r="BG39" s="706" t="s">
        <v>341</v>
      </c>
      <c r="BH39" s="707"/>
      <c r="BI39" s="707"/>
      <c r="BJ39" s="707"/>
      <c r="BK39" s="707"/>
      <c r="BL39" s="235"/>
      <c r="BM39" s="702" t="s">
        <v>342</v>
      </c>
      <c r="BN39" s="702"/>
      <c r="BO39" s="702"/>
      <c r="BP39" s="702"/>
      <c r="BQ39" s="702"/>
      <c r="BR39" s="702"/>
      <c r="BS39" s="702"/>
      <c r="BT39" s="702"/>
      <c r="BU39" s="703"/>
      <c r="BV39" s="661">
        <v>117</v>
      </c>
      <c r="BW39" s="664"/>
      <c r="BX39" s="664"/>
      <c r="BY39" s="664"/>
      <c r="BZ39" s="664"/>
      <c r="CA39" s="664"/>
      <c r="CB39" s="704"/>
      <c r="CD39" s="705" t="s">
        <v>343</v>
      </c>
      <c r="CE39" s="702"/>
      <c r="CF39" s="702"/>
      <c r="CG39" s="702"/>
      <c r="CH39" s="702"/>
      <c r="CI39" s="702"/>
      <c r="CJ39" s="702"/>
      <c r="CK39" s="702"/>
      <c r="CL39" s="702"/>
      <c r="CM39" s="702"/>
      <c r="CN39" s="702"/>
      <c r="CO39" s="702"/>
      <c r="CP39" s="702"/>
      <c r="CQ39" s="703"/>
      <c r="CR39" s="661">
        <v>2679080</v>
      </c>
      <c r="CS39" s="662"/>
      <c r="CT39" s="662"/>
      <c r="CU39" s="662"/>
      <c r="CV39" s="662"/>
      <c r="CW39" s="662"/>
      <c r="CX39" s="662"/>
      <c r="CY39" s="663"/>
      <c r="CZ39" s="666">
        <v>0.4</v>
      </c>
      <c r="DA39" s="695"/>
      <c r="DB39" s="695"/>
      <c r="DC39" s="696"/>
      <c r="DD39" s="669">
        <v>270476</v>
      </c>
      <c r="DE39" s="662"/>
      <c r="DF39" s="662"/>
      <c r="DG39" s="662"/>
      <c r="DH39" s="662"/>
      <c r="DI39" s="662"/>
      <c r="DJ39" s="662"/>
      <c r="DK39" s="663"/>
      <c r="DL39" s="669" t="s">
        <v>233</v>
      </c>
      <c r="DM39" s="662"/>
      <c r="DN39" s="662"/>
      <c r="DO39" s="662"/>
      <c r="DP39" s="662"/>
      <c r="DQ39" s="662"/>
      <c r="DR39" s="662"/>
      <c r="DS39" s="662"/>
      <c r="DT39" s="662"/>
      <c r="DU39" s="662"/>
      <c r="DV39" s="663"/>
      <c r="DW39" s="666" t="s">
        <v>138</v>
      </c>
      <c r="DX39" s="695"/>
      <c r="DY39" s="695"/>
      <c r="DZ39" s="695"/>
      <c r="EA39" s="695"/>
      <c r="EB39" s="695"/>
      <c r="EC39" s="697"/>
    </row>
    <row r="40" spans="2:133" ht="11.25" customHeight="1" x14ac:dyDescent="0.2">
      <c r="AQ40" s="698" t="s">
        <v>344</v>
      </c>
      <c r="AR40" s="699"/>
      <c r="AS40" s="699"/>
      <c r="AT40" s="699"/>
      <c r="AU40" s="699"/>
      <c r="AV40" s="699"/>
      <c r="AW40" s="699"/>
      <c r="AX40" s="699"/>
      <c r="AY40" s="700"/>
      <c r="AZ40" s="661">
        <v>11274193</v>
      </c>
      <c r="BA40" s="664"/>
      <c r="BB40" s="664"/>
      <c r="BC40" s="664"/>
      <c r="BD40" s="662"/>
      <c r="BE40" s="662"/>
      <c r="BF40" s="701"/>
      <c r="BG40" s="706"/>
      <c r="BH40" s="707"/>
      <c r="BI40" s="707"/>
      <c r="BJ40" s="707"/>
      <c r="BK40" s="707"/>
      <c r="BL40" s="235"/>
      <c r="BM40" s="702" t="s">
        <v>345</v>
      </c>
      <c r="BN40" s="702"/>
      <c r="BO40" s="702"/>
      <c r="BP40" s="702"/>
      <c r="BQ40" s="702"/>
      <c r="BR40" s="702"/>
      <c r="BS40" s="702"/>
      <c r="BT40" s="702"/>
      <c r="BU40" s="703"/>
      <c r="BV40" s="661" t="s">
        <v>233</v>
      </c>
      <c r="BW40" s="664"/>
      <c r="BX40" s="664"/>
      <c r="BY40" s="664"/>
      <c r="BZ40" s="664"/>
      <c r="CA40" s="664"/>
      <c r="CB40" s="704"/>
      <c r="CD40" s="705" t="s">
        <v>346</v>
      </c>
      <c r="CE40" s="702"/>
      <c r="CF40" s="702"/>
      <c r="CG40" s="702"/>
      <c r="CH40" s="702"/>
      <c r="CI40" s="702"/>
      <c r="CJ40" s="702"/>
      <c r="CK40" s="702"/>
      <c r="CL40" s="702"/>
      <c r="CM40" s="702"/>
      <c r="CN40" s="702"/>
      <c r="CO40" s="702"/>
      <c r="CP40" s="702"/>
      <c r="CQ40" s="703"/>
      <c r="CR40" s="661">
        <v>29293711</v>
      </c>
      <c r="CS40" s="664"/>
      <c r="CT40" s="664"/>
      <c r="CU40" s="664"/>
      <c r="CV40" s="664"/>
      <c r="CW40" s="664"/>
      <c r="CX40" s="664"/>
      <c r="CY40" s="665"/>
      <c r="CZ40" s="666">
        <v>4.0999999999999996</v>
      </c>
      <c r="DA40" s="695"/>
      <c r="DB40" s="695"/>
      <c r="DC40" s="696"/>
      <c r="DD40" s="669">
        <v>7172149</v>
      </c>
      <c r="DE40" s="664"/>
      <c r="DF40" s="664"/>
      <c r="DG40" s="664"/>
      <c r="DH40" s="664"/>
      <c r="DI40" s="664"/>
      <c r="DJ40" s="664"/>
      <c r="DK40" s="665"/>
      <c r="DL40" s="669">
        <v>20663</v>
      </c>
      <c r="DM40" s="664"/>
      <c r="DN40" s="664"/>
      <c r="DO40" s="664"/>
      <c r="DP40" s="664"/>
      <c r="DQ40" s="664"/>
      <c r="DR40" s="664"/>
      <c r="DS40" s="664"/>
      <c r="DT40" s="664"/>
      <c r="DU40" s="664"/>
      <c r="DV40" s="665"/>
      <c r="DW40" s="666">
        <v>0</v>
      </c>
      <c r="DX40" s="695"/>
      <c r="DY40" s="695"/>
      <c r="DZ40" s="695"/>
      <c r="EA40" s="695"/>
      <c r="EB40" s="695"/>
      <c r="EC40" s="697"/>
    </row>
    <row r="41" spans="2:133" ht="11.25" customHeight="1" x14ac:dyDescent="0.2">
      <c r="AQ41" s="710" t="s">
        <v>347</v>
      </c>
      <c r="AR41" s="711"/>
      <c r="AS41" s="711"/>
      <c r="AT41" s="711"/>
      <c r="AU41" s="711"/>
      <c r="AV41" s="711"/>
      <c r="AW41" s="711"/>
      <c r="AX41" s="711"/>
      <c r="AY41" s="712"/>
      <c r="AZ41" s="676">
        <v>25747334</v>
      </c>
      <c r="BA41" s="713"/>
      <c r="BB41" s="713"/>
      <c r="BC41" s="713"/>
      <c r="BD41" s="677"/>
      <c r="BE41" s="677"/>
      <c r="BF41" s="714"/>
      <c r="BG41" s="708"/>
      <c r="BH41" s="709"/>
      <c r="BI41" s="709"/>
      <c r="BJ41" s="709"/>
      <c r="BK41" s="709"/>
      <c r="BL41" s="236"/>
      <c r="BM41" s="715" t="s">
        <v>348</v>
      </c>
      <c r="BN41" s="715"/>
      <c r="BO41" s="715"/>
      <c r="BP41" s="715"/>
      <c r="BQ41" s="715"/>
      <c r="BR41" s="715"/>
      <c r="BS41" s="715"/>
      <c r="BT41" s="715"/>
      <c r="BU41" s="716"/>
      <c r="BV41" s="676">
        <v>295</v>
      </c>
      <c r="BW41" s="713"/>
      <c r="BX41" s="713"/>
      <c r="BY41" s="713"/>
      <c r="BZ41" s="713"/>
      <c r="CA41" s="713"/>
      <c r="CB41" s="717"/>
      <c r="CD41" s="705" t="s">
        <v>349</v>
      </c>
      <c r="CE41" s="702"/>
      <c r="CF41" s="702"/>
      <c r="CG41" s="702"/>
      <c r="CH41" s="702"/>
      <c r="CI41" s="702"/>
      <c r="CJ41" s="702"/>
      <c r="CK41" s="702"/>
      <c r="CL41" s="702"/>
      <c r="CM41" s="702"/>
      <c r="CN41" s="702"/>
      <c r="CO41" s="702"/>
      <c r="CP41" s="702"/>
      <c r="CQ41" s="703"/>
      <c r="CR41" s="661" t="s">
        <v>233</v>
      </c>
      <c r="CS41" s="662"/>
      <c r="CT41" s="662"/>
      <c r="CU41" s="662"/>
      <c r="CV41" s="662"/>
      <c r="CW41" s="662"/>
      <c r="CX41" s="662"/>
      <c r="CY41" s="663"/>
      <c r="CZ41" s="666" t="s">
        <v>138</v>
      </c>
      <c r="DA41" s="695"/>
      <c r="DB41" s="695"/>
      <c r="DC41" s="696"/>
      <c r="DD41" s="669" t="s">
        <v>233</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50</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1</v>
      </c>
      <c r="CE42" s="659"/>
      <c r="CF42" s="659"/>
      <c r="CG42" s="659"/>
      <c r="CH42" s="659"/>
      <c r="CI42" s="659"/>
      <c r="CJ42" s="659"/>
      <c r="CK42" s="659"/>
      <c r="CL42" s="659"/>
      <c r="CM42" s="659"/>
      <c r="CN42" s="659"/>
      <c r="CO42" s="659"/>
      <c r="CP42" s="659"/>
      <c r="CQ42" s="660"/>
      <c r="CR42" s="661">
        <v>92466191</v>
      </c>
      <c r="CS42" s="664"/>
      <c r="CT42" s="664"/>
      <c r="CU42" s="664"/>
      <c r="CV42" s="664"/>
      <c r="CW42" s="664"/>
      <c r="CX42" s="664"/>
      <c r="CY42" s="665"/>
      <c r="CZ42" s="666">
        <v>13</v>
      </c>
      <c r="DA42" s="667"/>
      <c r="DB42" s="667"/>
      <c r="DC42" s="668"/>
      <c r="DD42" s="669">
        <v>19983086</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2</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3</v>
      </c>
      <c r="CE43" s="659"/>
      <c r="CF43" s="659"/>
      <c r="CG43" s="659"/>
      <c r="CH43" s="659"/>
      <c r="CI43" s="659"/>
      <c r="CJ43" s="659"/>
      <c r="CK43" s="659"/>
      <c r="CL43" s="659"/>
      <c r="CM43" s="659"/>
      <c r="CN43" s="659"/>
      <c r="CO43" s="659"/>
      <c r="CP43" s="659"/>
      <c r="CQ43" s="660"/>
      <c r="CR43" s="661">
        <v>3387317</v>
      </c>
      <c r="CS43" s="662"/>
      <c r="CT43" s="662"/>
      <c r="CU43" s="662"/>
      <c r="CV43" s="662"/>
      <c r="CW43" s="662"/>
      <c r="CX43" s="662"/>
      <c r="CY43" s="663"/>
      <c r="CZ43" s="666">
        <v>0.5</v>
      </c>
      <c r="DA43" s="695"/>
      <c r="DB43" s="695"/>
      <c r="DC43" s="696"/>
      <c r="DD43" s="669">
        <v>3234024</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4</v>
      </c>
      <c r="CD44" s="689" t="s">
        <v>305</v>
      </c>
      <c r="CE44" s="690"/>
      <c r="CF44" s="658" t="s">
        <v>355</v>
      </c>
      <c r="CG44" s="659"/>
      <c r="CH44" s="659"/>
      <c r="CI44" s="659"/>
      <c r="CJ44" s="659"/>
      <c r="CK44" s="659"/>
      <c r="CL44" s="659"/>
      <c r="CM44" s="659"/>
      <c r="CN44" s="659"/>
      <c r="CO44" s="659"/>
      <c r="CP44" s="659"/>
      <c r="CQ44" s="660"/>
      <c r="CR44" s="661">
        <v>92466191</v>
      </c>
      <c r="CS44" s="664"/>
      <c r="CT44" s="664"/>
      <c r="CU44" s="664"/>
      <c r="CV44" s="664"/>
      <c r="CW44" s="664"/>
      <c r="CX44" s="664"/>
      <c r="CY44" s="665"/>
      <c r="CZ44" s="666">
        <v>13</v>
      </c>
      <c r="DA44" s="667"/>
      <c r="DB44" s="667"/>
      <c r="DC44" s="668"/>
      <c r="DD44" s="669">
        <v>19983086</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6</v>
      </c>
      <c r="CG45" s="659"/>
      <c r="CH45" s="659"/>
      <c r="CI45" s="659"/>
      <c r="CJ45" s="659"/>
      <c r="CK45" s="659"/>
      <c r="CL45" s="659"/>
      <c r="CM45" s="659"/>
      <c r="CN45" s="659"/>
      <c r="CO45" s="659"/>
      <c r="CP45" s="659"/>
      <c r="CQ45" s="660"/>
      <c r="CR45" s="661">
        <v>40263280</v>
      </c>
      <c r="CS45" s="662"/>
      <c r="CT45" s="662"/>
      <c r="CU45" s="662"/>
      <c r="CV45" s="662"/>
      <c r="CW45" s="662"/>
      <c r="CX45" s="662"/>
      <c r="CY45" s="663"/>
      <c r="CZ45" s="666">
        <v>5.7</v>
      </c>
      <c r="DA45" s="695"/>
      <c r="DB45" s="695"/>
      <c r="DC45" s="696"/>
      <c r="DD45" s="669">
        <v>2373832</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7</v>
      </c>
      <c r="CG46" s="659"/>
      <c r="CH46" s="659"/>
      <c r="CI46" s="659"/>
      <c r="CJ46" s="659"/>
      <c r="CK46" s="659"/>
      <c r="CL46" s="659"/>
      <c r="CM46" s="659"/>
      <c r="CN46" s="659"/>
      <c r="CO46" s="659"/>
      <c r="CP46" s="659"/>
      <c r="CQ46" s="660"/>
      <c r="CR46" s="661">
        <v>49446950</v>
      </c>
      <c r="CS46" s="664"/>
      <c r="CT46" s="664"/>
      <c r="CU46" s="664"/>
      <c r="CV46" s="664"/>
      <c r="CW46" s="664"/>
      <c r="CX46" s="664"/>
      <c r="CY46" s="665"/>
      <c r="CZ46" s="666">
        <v>6.9</v>
      </c>
      <c r="DA46" s="667"/>
      <c r="DB46" s="667"/>
      <c r="DC46" s="668"/>
      <c r="DD46" s="669">
        <v>17416646</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8</v>
      </c>
      <c r="CG47" s="659"/>
      <c r="CH47" s="659"/>
      <c r="CI47" s="659"/>
      <c r="CJ47" s="659"/>
      <c r="CK47" s="659"/>
      <c r="CL47" s="659"/>
      <c r="CM47" s="659"/>
      <c r="CN47" s="659"/>
      <c r="CO47" s="659"/>
      <c r="CP47" s="659"/>
      <c r="CQ47" s="660"/>
      <c r="CR47" s="661" t="s">
        <v>138</v>
      </c>
      <c r="CS47" s="662"/>
      <c r="CT47" s="662"/>
      <c r="CU47" s="662"/>
      <c r="CV47" s="662"/>
      <c r="CW47" s="662"/>
      <c r="CX47" s="662"/>
      <c r="CY47" s="663"/>
      <c r="CZ47" s="666" t="s">
        <v>138</v>
      </c>
      <c r="DA47" s="695"/>
      <c r="DB47" s="695"/>
      <c r="DC47" s="696"/>
      <c r="DD47" s="669" t="s">
        <v>233</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59</v>
      </c>
      <c r="CG48" s="659"/>
      <c r="CH48" s="659"/>
      <c r="CI48" s="659"/>
      <c r="CJ48" s="659"/>
      <c r="CK48" s="659"/>
      <c r="CL48" s="659"/>
      <c r="CM48" s="659"/>
      <c r="CN48" s="659"/>
      <c r="CO48" s="659"/>
      <c r="CP48" s="659"/>
      <c r="CQ48" s="660"/>
      <c r="CR48" s="661" t="s">
        <v>138</v>
      </c>
      <c r="CS48" s="664"/>
      <c r="CT48" s="664"/>
      <c r="CU48" s="664"/>
      <c r="CV48" s="664"/>
      <c r="CW48" s="664"/>
      <c r="CX48" s="664"/>
      <c r="CY48" s="665"/>
      <c r="CZ48" s="666" t="s">
        <v>233</v>
      </c>
      <c r="DA48" s="667"/>
      <c r="DB48" s="667"/>
      <c r="DC48" s="668"/>
      <c r="DD48" s="669" t="s">
        <v>233</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60</v>
      </c>
      <c r="CE49" s="674"/>
      <c r="CF49" s="674"/>
      <c r="CG49" s="674"/>
      <c r="CH49" s="674"/>
      <c r="CI49" s="674"/>
      <c r="CJ49" s="674"/>
      <c r="CK49" s="674"/>
      <c r="CL49" s="674"/>
      <c r="CM49" s="674"/>
      <c r="CN49" s="674"/>
      <c r="CO49" s="674"/>
      <c r="CP49" s="674"/>
      <c r="CQ49" s="675"/>
      <c r="CR49" s="676">
        <v>712401058</v>
      </c>
      <c r="CS49" s="677"/>
      <c r="CT49" s="677"/>
      <c r="CU49" s="677"/>
      <c r="CV49" s="677"/>
      <c r="CW49" s="677"/>
      <c r="CX49" s="677"/>
      <c r="CY49" s="678"/>
      <c r="CZ49" s="679">
        <v>100</v>
      </c>
      <c r="DA49" s="680"/>
      <c r="DB49" s="680"/>
      <c r="DC49" s="681"/>
      <c r="DD49" s="682">
        <v>451837026</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mO03d3L9dn0XwcuIGd+RKHASQi530DBRCQd26BmdCkolQDAON8oG5G7KnMQhHW51A7SQNUOl34vSpD3K8fs44w==" saltValue="rjXmsX+iLZdqbCBpZJnMbg=="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1</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62</v>
      </c>
      <c r="DK2" s="1200"/>
      <c r="DL2" s="1200"/>
      <c r="DM2" s="1200"/>
      <c r="DN2" s="1200"/>
      <c r="DO2" s="1201"/>
      <c r="DP2" s="249"/>
      <c r="DQ2" s="1199" t="s">
        <v>363</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4</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5</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6</v>
      </c>
      <c r="B5" s="1085"/>
      <c r="C5" s="1085"/>
      <c r="D5" s="1085"/>
      <c r="E5" s="1085"/>
      <c r="F5" s="1085"/>
      <c r="G5" s="1085"/>
      <c r="H5" s="1085"/>
      <c r="I5" s="1085"/>
      <c r="J5" s="1085"/>
      <c r="K5" s="1085"/>
      <c r="L5" s="1085"/>
      <c r="M5" s="1085"/>
      <c r="N5" s="1085"/>
      <c r="O5" s="1085"/>
      <c r="P5" s="1086"/>
      <c r="Q5" s="1090" t="s">
        <v>367</v>
      </c>
      <c r="R5" s="1091"/>
      <c r="S5" s="1091"/>
      <c r="T5" s="1091"/>
      <c r="U5" s="1092"/>
      <c r="V5" s="1090" t="s">
        <v>368</v>
      </c>
      <c r="W5" s="1091"/>
      <c r="X5" s="1091"/>
      <c r="Y5" s="1091"/>
      <c r="Z5" s="1092"/>
      <c r="AA5" s="1090" t="s">
        <v>369</v>
      </c>
      <c r="AB5" s="1091"/>
      <c r="AC5" s="1091"/>
      <c r="AD5" s="1091"/>
      <c r="AE5" s="1091"/>
      <c r="AF5" s="1202" t="s">
        <v>370</v>
      </c>
      <c r="AG5" s="1091"/>
      <c r="AH5" s="1091"/>
      <c r="AI5" s="1091"/>
      <c r="AJ5" s="1106"/>
      <c r="AK5" s="1091" t="s">
        <v>371</v>
      </c>
      <c r="AL5" s="1091"/>
      <c r="AM5" s="1091"/>
      <c r="AN5" s="1091"/>
      <c r="AO5" s="1092"/>
      <c r="AP5" s="1090" t="s">
        <v>372</v>
      </c>
      <c r="AQ5" s="1091"/>
      <c r="AR5" s="1091"/>
      <c r="AS5" s="1091"/>
      <c r="AT5" s="1092"/>
      <c r="AU5" s="1090" t="s">
        <v>373</v>
      </c>
      <c r="AV5" s="1091"/>
      <c r="AW5" s="1091"/>
      <c r="AX5" s="1091"/>
      <c r="AY5" s="1106"/>
      <c r="AZ5" s="256"/>
      <c r="BA5" s="256"/>
      <c r="BB5" s="256"/>
      <c r="BC5" s="256"/>
      <c r="BD5" s="256"/>
      <c r="BE5" s="257"/>
      <c r="BF5" s="257"/>
      <c r="BG5" s="257"/>
      <c r="BH5" s="257"/>
      <c r="BI5" s="257"/>
      <c r="BJ5" s="257"/>
      <c r="BK5" s="257"/>
      <c r="BL5" s="257"/>
      <c r="BM5" s="257"/>
      <c r="BN5" s="257"/>
      <c r="BO5" s="257"/>
      <c r="BP5" s="257"/>
      <c r="BQ5" s="1084" t="s">
        <v>374</v>
      </c>
      <c r="BR5" s="1085"/>
      <c r="BS5" s="1085"/>
      <c r="BT5" s="1085"/>
      <c r="BU5" s="1085"/>
      <c r="BV5" s="1085"/>
      <c r="BW5" s="1085"/>
      <c r="BX5" s="1085"/>
      <c r="BY5" s="1085"/>
      <c r="BZ5" s="1085"/>
      <c r="CA5" s="1085"/>
      <c r="CB5" s="1085"/>
      <c r="CC5" s="1085"/>
      <c r="CD5" s="1085"/>
      <c r="CE5" s="1085"/>
      <c r="CF5" s="1085"/>
      <c r="CG5" s="1086"/>
      <c r="CH5" s="1090" t="s">
        <v>375</v>
      </c>
      <c r="CI5" s="1091"/>
      <c r="CJ5" s="1091"/>
      <c r="CK5" s="1091"/>
      <c r="CL5" s="1092"/>
      <c r="CM5" s="1090" t="s">
        <v>376</v>
      </c>
      <c r="CN5" s="1091"/>
      <c r="CO5" s="1091"/>
      <c r="CP5" s="1091"/>
      <c r="CQ5" s="1092"/>
      <c r="CR5" s="1090" t="s">
        <v>377</v>
      </c>
      <c r="CS5" s="1091"/>
      <c r="CT5" s="1091"/>
      <c r="CU5" s="1091"/>
      <c r="CV5" s="1092"/>
      <c r="CW5" s="1090" t="s">
        <v>378</v>
      </c>
      <c r="CX5" s="1091"/>
      <c r="CY5" s="1091"/>
      <c r="CZ5" s="1091"/>
      <c r="DA5" s="1092"/>
      <c r="DB5" s="1090" t="s">
        <v>379</v>
      </c>
      <c r="DC5" s="1091"/>
      <c r="DD5" s="1091"/>
      <c r="DE5" s="1091"/>
      <c r="DF5" s="1092"/>
      <c r="DG5" s="1187" t="s">
        <v>380</v>
      </c>
      <c r="DH5" s="1188"/>
      <c r="DI5" s="1188"/>
      <c r="DJ5" s="1188"/>
      <c r="DK5" s="1189"/>
      <c r="DL5" s="1187" t="s">
        <v>381</v>
      </c>
      <c r="DM5" s="1188"/>
      <c r="DN5" s="1188"/>
      <c r="DO5" s="1188"/>
      <c r="DP5" s="1189"/>
      <c r="DQ5" s="1090" t="s">
        <v>382</v>
      </c>
      <c r="DR5" s="1091"/>
      <c r="DS5" s="1091"/>
      <c r="DT5" s="1091"/>
      <c r="DU5" s="1092"/>
      <c r="DV5" s="1090" t="s">
        <v>373</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3</v>
      </c>
      <c r="C7" s="1140"/>
      <c r="D7" s="1140"/>
      <c r="E7" s="1140"/>
      <c r="F7" s="1140"/>
      <c r="G7" s="1140"/>
      <c r="H7" s="1140"/>
      <c r="I7" s="1140"/>
      <c r="J7" s="1140"/>
      <c r="K7" s="1140"/>
      <c r="L7" s="1140"/>
      <c r="M7" s="1140"/>
      <c r="N7" s="1140"/>
      <c r="O7" s="1140"/>
      <c r="P7" s="1141"/>
      <c r="Q7" s="1193">
        <v>715316</v>
      </c>
      <c r="R7" s="1194"/>
      <c r="S7" s="1194"/>
      <c r="T7" s="1194"/>
      <c r="U7" s="1194"/>
      <c r="V7" s="1194">
        <v>712892</v>
      </c>
      <c r="W7" s="1194"/>
      <c r="X7" s="1194"/>
      <c r="Y7" s="1194"/>
      <c r="Z7" s="1194"/>
      <c r="AA7" s="1194">
        <f>Q7-V7</f>
        <v>2424</v>
      </c>
      <c r="AB7" s="1194"/>
      <c r="AC7" s="1194"/>
      <c r="AD7" s="1194"/>
      <c r="AE7" s="1195"/>
      <c r="AF7" s="1196">
        <v>192</v>
      </c>
      <c r="AG7" s="1197"/>
      <c r="AH7" s="1197"/>
      <c r="AI7" s="1197"/>
      <c r="AJ7" s="1198"/>
      <c r="AK7" s="1180">
        <v>47423</v>
      </c>
      <c r="AL7" s="1181"/>
      <c r="AM7" s="1181"/>
      <c r="AN7" s="1181"/>
      <c r="AO7" s="1181"/>
      <c r="AP7" s="1181">
        <v>1047427</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c r="BS7" s="1184" t="s">
        <v>597</v>
      </c>
      <c r="BT7" s="1185"/>
      <c r="BU7" s="1185"/>
      <c r="BV7" s="1185"/>
      <c r="BW7" s="1185"/>
      <c r="BX7" s="1185"/>
      <c r="BY7" s="1185"/>
      <c r="BZ7" s="1185"/>
      <c r="CA7" s="1185"/>
      <c r="CB7" s="1185"/>
      <c r="CC7" s="1185"/>
      <c r="CD7" s="1185"/>
      <c r="CE7" s="1185"/>
      <c r="CF7" s="1185"/>
      <c r="CG7" s="1186"/>
      <c r="CH7" s="1177">
        <v>9</v>
      </c>
      <c r="CI7" s="1178"/>
      <c r="CJ7" s="1178"/>
      <c r="CK7" s="1178"/>
      <c r="CL7" s="1179"/>
      <c r="CM7" s="1177">
        <v>155</v>
      </c>
      <c r="CN7" s="1178"/>
      <c r="CO7" s="1178"/>
      <c r="CP7" s="1178"/>
      <c r="CQ7" s="1179"/>
      <c r="CR7" s="1177">
        <v>77</v>
      </c>
      <c r="CS7" s="1178"/>
      <c r="CT7" s="1178"/>
      <c r="CU7" s="1178"/>
      <c r="CV7" s="1179"/>
      <c r="CW7" s="1177"/>
      <c r="CX7" s="1178"/>
      <c r="CY7" s="1178"/>
      <c r="CZ7" s="1178"/>
      <c r="DA7" s="1179"/>
      <c r="DB7" s="1177"/>
      <c r="DC7" s="1178"/>
      <c r="DD7" s="1178"/>
      <c r="DE7" s="1178"/>
      <c r="DF7" s="1179"/>
      <c r="DG7" s="1177"/>
      <c r="DH7" s="1178"/>
      <c r="DI7" s="1178"/>
      <c r="DJ7" s="1178"/>
      <c r="DK7" s="1179"/>
      <c r="DL7" s="1177"/>
      <c r="DM7" s="1178"/>
      <c r="DN7" s="1178"/>
      <c r="DO7" s="1178"/>
      <c r="DP7" s="1179"/>
      <c r="DQ7" s="1177"/>
      <c r="DR7" s="1178"/>
      <c r="DS7" s="1178"/>
      <c r="DT7" s="1178"/>
      <c r="DU7" s="1179"/>
      <c r="DV7" s="1204"/>
      <c r="DW7" s="1205"/>
      <c r="DX7" s="1205"/>
      <c r="DY7" s="1205"/>
      <c r="DZ7" s="1206"/>
      <c r="EA7" s="254"/>
    </row>
    <row r="8" spans="1:131" s="255" customFormat="1" ht="26.25" customHeight="1" x14ac:dyDescent="0.2">
      <c r="A8" s="261">
        <v>2</v>
      </c>
      <c r="B8" s="1126" t="s">
        <v>384</v>
      </c>
      <c r="C8" s="1127"/>
      <c r="D8" s="1127"/>
      <c r="E8" s="1127"/>
      <c r="F8" s="1127"/>
      <c r="G8" s="1127"/>
      <c r="H8" s="1127"/>
      <c r="I8" s="1127"/>
      <c r="J8" s="1127"/>
      <c r="K8" s="1127"/>
      <c r="L8" s="1127"/>
      <c r="M8" s="1127"/>
      <c r="N8" s="1127"/>
      <c r="O8" s="1127"/>
      <c r="P8" s="1128"/>
      <c r="Q8" s="1132">
        <v>349</v>
      </c>
      <c r="R8" s="1133"/>
      <c r="S8" s="1133"/>
      <c r="T8" s="1133"/>
      <c r="U8" s="1133"/>
      <c r="V8" s="1133">
        <v>298</v>
      </c>
      <c r="W8" s="1133"/>
      <c r="X8" s="1133"/>
      <c r="Y8" s="1133"/>
      <c r="Z8" s="1133"/>
      <c r="AA8" s="1133">
        <f t="shared" ref="AA8:AA13" si="0">Q8-V8</f>
        <v>51</v>
      </c>
      <c r="AB8" s="1133"/>
      <c r="AC8" s="1133"/>
      <c r="AD8" s="1133"/>
      <c r="AE8" s="1134"/>
      <c r="AF8" s="1108" t="s">
        <v>138</v>
      </c>
      <c r="AG8" s="1109"/>
      <c r="AH8" s="1109"/>
      <c r="AI8" s="1109"/>
      <c r="AJ8" s="1110"/>
      <c r="AK8" s="1175">
        <v>23</v>
      </c>
      <c r="AL8" s="1176"/>
      <c r="AM8" s="1176"/>
      <c r="AN8" s="1176"/>
      <c r="AO8" s="1176"/>
      <c r="AP8" s="1176">
        <v>1441</v>
      </c>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t="s">
        <v>598</v>
      </c>
      <c r="BT8" s="1104"/>
      <c r="BU8" s="1104"/>
      <c r="BV8" s="1104"/>
      <c r="BW8" s="1104"/>
      <c r="BX8" s="1104"/>
      <c r="BY8" s="1104"/>
      <c r="BZ8" s="1104"/>
      <c r="CA8" s="1104"/>
      <c r="CB8" s="1104"/>
      <c r="CC8" s="1104"/>
      <c r="CD8" s="1104"/>
      <c r="CE8" s="1104"/>
      <c r="CF8" s="1104"/>
      <c r="CG8" s="1105"/>
      <c r="CH8" s="1078">
        <v>19</v>
      </c>
      <c r="CI8" s="1079"/>
      <c r="CJ8" s="1079"/>
      <c r="CK8" s="1079"/>
      <c r="CL8" s="1080"/>
      <c r="CM8" s="1078">
        <v>1518</v>
      </c>
      <c r="CN8" s="1079"/>
      <c r="CO8" s="1079"/>
      <c r="CP8" s="1079"/>
      <c r="CQ8" s="1080"/>
      <c r="CR8" s="1078">
        <v>20</v>
      </c>
      <c r="CS8" s="1079"/>
      <c r="CT8" s="1079"/>
      <c r="CU8" s="1079"/>
      <c r="CV8" s="1080"/>
      <c r="CW8" s="1078"/>
      <c r="CX8" s="1079"/>
      <c r="CY8" s="1079"/>
      <c r="CZ8" s="1079"/>
      <c r="DA8" s="1080"/>
      <c r="DB8" s="1078"/>
      <c r="DC8" s="1079"/>
      <c r="DD8" s="1079"/>
      <c r="DE8" s="1079"/>
      <c r="DF8" s="1080"/>
      <c r="DG8" s="1078"/>
      <c r="DH8" s="1079"/>
      <c r="DI8" s="1079"/>
      <c r="DJ8" s="1079"/>
      <c r="DK8" s="1080"/>
      <c r="DL8" s="1078">
        <v>9511</v>
      </c>
      <c r="DM8" s="1079"/>
      <c r="DN8" s="1079"/>
      <c r="DO8" s="1079"/>
      <c r="DP8" s="1080"/>
      <c r="DQ8" s="1078"/>
      <c r="DR8" s="1079"/>
      <c r="DS8" s="1079"/>
      <c r="DT8" s="1079"/>
      <c r="DU8" s="1080"/>
      <c r="DV8" s="1081"/>
      <c r="DW8" s="1082"/>
      <c r="DX8" s="1082"/>
      <c r="DY8" s="1082"/>
      <c r="DZ8" s="1083"/>
      <c r="EA8" s="254"/>
    </row>
    <row r="9" spans="1:131" s="255" customFormat="1" ht="26.25" customHeight="1" x14ac:dyDescent="0.2">
      <c r="A9" s="261">
        <v>3</v>
      </c>
      <c r="B9" s="1126" t="s">
        <v>385</v>
      </c>
      <c r="C9" s="1127"/>
      <c r="D9" s="1127"/>
      <c r="E9" s="1127"/>
      <c r="F9" s="1127"/>
      <c r="G9" s="1127"/>
      <c r="H9" s="1127"/>
      <c r="I9" s="1127"/>
      <c r="J9" s="1127"/>
      <c r="K9" s="1127"/>
      <c r="L9" s="1127"/>
      <c r="M9" s="1127"/>
      <c r="N9" s="1127"/>
      <c r="O9" s="1127"/>
      <c r="P9" s="1128"/>
      <c r="Q9" s="1132">
        <v>218</v>
      </c>
      <c r="R9" s="1133"/>
      <c r="S9" s="1133"/>
      <c r="T9" s="1133"/>
      <c r="U9" s="1133"/>
      <c r="V9" s="1133">
        <v>68</v>
      </c>
      <c r="W9" s="1133"/>
      <c r="X9" s="1133"/>
      <c r="Y9" s="1133"/>
      <c r="Z9" s="1133"/>
      <c r="AA9" s="1133">
        <f t="shared" si="0"/>
        <v>150</v>
      </c>
      <c r="AB9" s="1133"/>
      <c r="AC9" s="1133"/>
      <c r="AD9" s="1133"/>
      <c r="AE9" s="1134"/>
      <c r="AF9" s="1108">
        <v>150</v>
      </c>
      <c r="AG9" s="1109"/>
      <c r="AH9" s="1109"/>
      <c r="AI9" s="1109"/>
      <c r="AJ9" s="1110"/>
      <c r="AK9" s="1175">
        <v>33</v>
      </c>
      <c r="AL9" s="1176"/>
      <c r="AM9" s="1176"/>
      <c r="AN9" s="1176"/>
      <c r="AO9" s="1176"/>
      <c r="AP9" s="1176">
        <v>0</v>
      </c>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t="s">
        <v>599</v>
      </c>
      <c r="BT9" s="1104"/>
      <c r="BU9" s="1104"/>
      <c r="BV9" s="1104"/>
      <c r="BW9" s="1104"/>
      <c r="BX9" s="1104"/>
      <c r="BY9" s="1104"/>
      <c r="BZ9" s="1104"/>
      <c r="CA9" s="1104"/>
      <c r="CB9" s="1104"/>
      <c r="CC9" s="1104"/>
      <c r="CD9" s="1104"/>
      <c r="CE9" s="1104"/>
      <c r="CF9" s="1104"/>
      <c r="CG9" s="1105"/>
      <c r="CH9" s="1078">
        <v>47</v>
      </c>
      <c r="CI9" s="1079"/>
      <c r="CJ9" s="1079"/>
      <c r="CK9" s="1079"/>
      <c r="CL9" s="1080"/>
      <c r="CM9" s="1078">
        <v>471</v>
      </c>
      <c r="CN9" s="1079"/>
      <c r="CO9" s="1079"/>
      <c r="CP9" s="1079"/>
      <c r="CQ9" s="1080"/>
      <c r="CR9" s="1078">
        <v>30</v>
      </c>
      <c r="CS9" s="1079"/>
      <c r="CT9" s="1079"/>
      <c r="CU9" s="1079"/>
      <c r="CV9" s="1080"/>
      <c r="CW9" s="1078">
        <v>332</v>
      </c>
      <c r="CX9" s="1079"/>
      <c r="CY9" s="1079"/>
      <c r="CZ9" s="1079"/>
      <c r="DA9" s="1080"/>
      <c r="DB9" s="1078"/>
      <c r="DC9" s="1079"/>
      <c r="DD9" s="1079"/>
      <c r="DE9" s="1079"/>
      <c r="DF9" s="1080"/>
      <c r="DG9" s="1078"/>
      <c r="DH9" s="1079"/>
      <c r="DI9" s="1079"/>
      <c r="DJ9" s="1079"/>
      <c r="DK9" s="1080"/>
      <c r="DL9" s="1078"/>
      <c r="DM9" s="1079"/>
      <c r="DN9" s="1079"/>
      <c r="DO9" s="1079"/>
      <c r="DP9" s="1080"/>
      <c r="DQ9" s="1078"/>
      <c r="DR9" s="1079"/>
      <c r="DS9" s="1079"/>
      <c r="DT9" s="1079"/>
      <c r="DU9" s="1080"/>
      <c r="DV9" s="1081"/>
      <c r="DW9" s="1082"/>
      <c r="DX9" s="1082"/>
      <c r="DY9" s="1082"/>
      <c r="DZ9" s="1083"/>
      <c r="EA9" s="254"/>
    </row>
    <row r="10" spans="1:131" s="255" customFormat="1" ht="26.25" customHeight="1" x14ac:dyDescent="0.2">
      <c r="A10" s="261">
        <v>4</v>
      </c>
      <c r="B10" s="1126" t="s">
        <v>386</v>
      </c>
      <c r="C10" s="1127"/>
      <c r="D10" s="1127"/>
      <c r="E10" s="1127"/>
      <c r="F10" s="1127"/>
      <c r="G10" s="1127"/>
      <c r="H10" s="1127"/>
      <c r="I10" s="1127"/>
      <c r="J10" s="1127"/>
      <c r="K10" s="1127"/>
      <c r="L10" s="1127"/>
      <c r="M10" s="1127"/>
      <c r="N10" s="1127"/>
      <c r="O10" s="1127"/>
      <c r="P10" s="1128"/>
      <c r="Q10" s="1132">
        <v>120</v>
      </c>
      <c r="R10" s="1133"/>
      <c r="S10" s="1133"/>
      <c r="T10" s="1133"/>
      <c r="U10" s="1133"/>
      <c r="V10" s="1133">
        <v>120</v>
      </c>
      <c r="W10" s="1133"/>
      <c r="X10" s="1133"/>
      <c r="Y10" s="1133"/>
      <c r="Z10" s="1133"/>
      <c r="AA10" s="1133">
        <f t="shared" si="0"/>
        <v>0</v>
      </c>
      <c r="AB10" s="1133"/>
      <c r="AC10" s="1133"/>
      <c r="AD10" s="1133"/>
      <c r="AE10" s="1134"/>
      <c r="AF10" s="1108" t="s">
        <v>387</v>
      </c>
      <c r="AG10" s="1109"/>
      <c r="AH10" s="1109"/>
      <c r="AI10" s="1109"/>
      <c r="AJ10" s="1110"/>
      <c r="AK10" s="1175">
        <v>40</v>
      </c>
      <c r="AL10" s="1176"/>
      <c r="AM10" s="1176"/>
      <c r="AN10" s="1176"/>
      <c r="AO10" s="1176"/>
      <c r="AP10" s="1176">
        <v>0</v>
      </c>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t="s">
        <v>600</v>
      </c>
      <c r="BT10" s="1104"/>
      <c r="BU10" s="1104"/>
      <c r="BV10" s="1104"/>
      <c r="BW10" s="1104"/>
      <c r="BX10" s="1104"/>
      <c r="BY10" s="1104"/>
      <c r="BZ10" s="1104"/>
      <c r="CA10" s="1104"/>
      <c r="CB10" s="1104"/>
      <c r="CC10" s="1104"/>
      <c r="CD10" s="1104"/>
      <c r="CE10" s="1104"/>
      <c r="CF10" s="1104"/>
      <c r="CG10" s="1105"/>
      <c r="CH10" s="1078">
        <v>-4</v>
      </c>
      <c r="CI10" s="1079"/>
      <c r="CJ10" s="1079"/>
      <c r="CK10" s="1079"/>
      <c r="CL10" s="1080"/>
      <c r="CM10" s="1078">
        <v>318</v>
      </c>
      <c r="CN10" s="1079"/>
      <c r="CO10" s="1079"/>
      <c r="CP10" s="1079"/>
      <c r="CQ10" s="1080"/>
      <c r="CR10" s="1078">
        <v>300</v>
      </c>
      <c r="CS10" s="1079"/>
      <c r="CT10" s="1079"/>
      <c r="CU10" s="1079"/>
      <c r="CV10" s="1080"/>
      <c r="CW10" s="1078">
        <v>26</v>
      </c>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t="s">
        <v>388</v>
      </c>
      <c r="C11" s="1127"/>
      <c r="D11" s="1127"/>
      <c r="E11" s="1127"/>
      <c r="F11" s="1127"/>
      <c r="G11" s="1127"/>
      <c r="H11" s="1127"/>
      <c r="I11" s="1127"/>
      <c r="J11" s="1127"/>
      <c r="K11" s="1127"/>
      <c r="L11" s="1127"/>
      <c r="M11" s="1127"/>
      <c r="N11" s="1127"/>
      <c r="O11" s="1127"/>
      <c r="P11" s="1128"/>
      <c r="Q11" s="1132">
        <v>782</v>
      </c>
      <c r="R11" s="1133"/>
      <c r="S11" s="1133"/>
      <c r="T11" s="1133"/>
      <c r="U11" s="1133"/>
      <c r="V11" s="1133">
        <v>416</v>
      </c>
      <c r="W11" s="1133"/>
      <c r="X11" s="1133"/>
      <c r="Y11" s="1133"/>
      <c r="Z11" s="1133"/>
      <c r="AA11" s="1133">
        <f t="shared" si="0"/>
        <v>366</v>
      </c>
      <c r="AB11" s="1133"/>
      <c r="AC11" s="1133"/>
      <c r="AD11" s="1133"/>
      <c r="AE11" s="1134"/>
      <c r="AF11" s="1108">
        <v>287</v>
      </c>
      <c r="AG11" s="1109"/>
      <c r="AH11" s="1109"/>
      <c r="AI11" s="1109"/>
      <c r="AJ11" s="1110"/>
      <c r="AK11" s="1175">
        <v>0</v>
      </c>
      <c r="AL11" s="1176"/>
      <c r="AM11" s="1176"/>
      <c r="AN11" s="1176"/>
      <c r="AO11" s="1176"/>
      <c r="AP11" s="1176">
        <v>497</v>
      </c>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t="s">
        <v>601</v>
      </c>
      <c r="BT11" s="1104"/>
      <c r="BU11" s="1104"/>
      <c r="BV11" s="1104"/>
      <c r="BW11" s="1104"/>
      <c r="BX11" s="1104"/>
      <c r="BY11" s="1104"/>
      <c r="BZ11" s="1104"/>
      <c r="CA11" s="1104"/>
      <c r="CB11" s="1104"/>
      <c r="CC11" s="1104"/>
      <c r="CD11" s="1104"/>
      <c r="CE11" s="1104"/>
      <c r="CF11" s="1104"/>
      <c r="CG11" s="1105"/>
      <c r="CH11" s="1078">
        <v>-10</v>
      </c>
      <c r="CI11" s="1079"/>
      <c r="CJ11" s="1079"/>
      <c r="CK11" s="1079"/>
      <c r="CL11" s="1080"/>
      <c r="CM11" s="1078">
        <v>183</v>
      </c>
      <c r="CN11" s="1079"/>
      <c r="CO11" s="1079"/>
      <c r="CP11" s="1079"/>
      <c r="CQ11" s="1080"/>
      <c r="CR11" s="1078">
        <v>45</v>
      </c>
      <c r="CS11" s="1079"/>
      <c r="CT11" s="1079"/>
      <c r="CU11" s="1079"/>
      <c r="CV11" s="1080"/>
      <c r="CW11" s="1078">
        <v>3</v>
      </c>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t="s">
        <v>389</v>
      </c>
      <c r="C12" s="1127"/>
      <c r="D12" s="1127"/>
      <c r="E12" s="1127"/>
      <c r="F12" s="1127"/>
      <c r="G12" s="1127"/>
      <c r="H12" s="1127"/>
      <c r="I12" s="1127"/>
      <c r="J12" s="1127"/>
      <c r="K12" s="1127"/>
      <c r="L12" s="1127"/>
      <c r="M12" s="1127"/>
      <c r="N12" s="1127"/>
      <c r="O12" s="1127"/>
      <c r="P12" s="1128"/>
      <c r="Q12" s="1132">
        <v>478</v>
      </c>
      <c r="R12" s="1133"/>
      <c r="S12" s="1133"/>
      <c r="T12" s="1133"/>
      <c r="U12" s="1133"/>
      <c r="V12" s="1133">
        <v>478</v>
      </c>
      <c r="W12" s="1133"/>
      <c r="X12" s="1133"/>
      <c r="Y12" s="1133"/>
      <c r="Z12" s="1133"/>
      <c r="AA12" s="1133">
        <f t="shared" si="0"/>
        <v>0</v>
      </c>
      <c r="AB12" s="1133"/>
      <c r="AC12" s="1133"/>
      <c r="AD12" s="1133"/>
      <c r="AE12" s="1134"/>
      <c r="AF12" s="1108" t="s">
        <v>390</v>
      </c>
      <c r="AG12" s="1109"/>
      <c r="AH12" s="1109"/>
      <c r="AI12" s="1109"/>
      <c r="AJ12" s="1110"/>
      <c r="AK12" s="1175">
        <v>470</v>
      </c>
      <c r="AL12" s="1176"/>
      <c r="AM12" s="1176"/>
      <c r="AN12" s="1176"/>
      <c r="AO12" s="1176"/>
      <c r="AP12" s="1176">
        <v>0</v>
      </c>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t="s">
        <v>602</v>
      </c>
      <c r="BT12" s="1104"/>
      <c r="BU12" s="1104"/>
      <c r="BV12" s="1104"/>
      <c r="BW12" s="1104"/>
      <c r="BX12" s="1104"/>
      <c r="BY12" s="1104"/>
      <c r="BZ12" s="1104"/>
      <c r="CA12" s="1104"/>
      <c r="CB12" s="1104"/>
      <c r="CC12" s="1104"/>
      <c r="CD12" s="1104"/>
      <c r="CE12" s="1104"/>
      <c r="CF12" s="1104"/>
      <c r="CG12" s="1105"/>
      <c r="CH12" s="1078">
        <v>-370</v>
      </c>
      <c r="CI12" s="1079"/>
      <c r="CJ12" s="1079"/>
      <c r="CK12" s="1079"/>
      <c r="CL12" s="1080"/>
      <c r="CM12" s="1078">
        <v>6295</v>
      </c>
      <c r="CN12" s="1079"/>
      <c r="CO12" s="1079"/>
      <c r="CP12" s="1079"/>
      <c r="CQ12" s="1080"/>
      <c r="CR12" s="1078">
        <v>2143</v>
      </c>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t="s">
        <v>391</v>
      </c>
      <c r="C13" s="1127"/>
      <c r="D13" s="1127"/>
      <c r="E13" s="1127"/>
      <c r="F13" s="1127"/>
      <c r="G13" s="1127"/>
      <c r="H13" s="1127"/>
      <c r="I13" s="1127"/>
      <c r="J13" s="1127"/>
      <c r="K13" s="1127"/>
      <c r="L13" s="1127"/>
      <c r="M13" s="1127"/>
      <c r="N13" s="1127"/>
      <c r="O13" s="1127"/>
      <c r="P13" s="1128"/>
      <c r="Q13" s="1132">
        <v>215298</v>
      </c>
      <c r="R13" s="1133"/>
      <c r="S13" s="1133"/>
      <c r="T13" s="1133"/>
      <c r="U13" s="1133"/>
      <c r="V13" s="1133">
        <v>215298</v>
      </c>
      <c r="W13" s="1133"/>
      <c r="X13" s="1133"/>
      <c r="Y13" s="1133"/>
      <c r="Z13" s="1133"/>
      <c r="AA13" s="1133">
        <f t="shared" si="0"/>
        <v>0</v>
      </c>
      <c r="AB13" s="1133"/>
      <c r="AC13" s="1133"/>
      <c r="AD13" s="1133"/>
      <c r="AE13" s="1134"/>
      <c r="AF13" s="1108" t="s">
        <v>392</v>
      </c>
      <c r="AG13" s="1109"/>
      <c r="AH13" s="1109"/>
      <c r="AI13" s="1109"/>
      <c r="AJ13" s="1110"/>
      <c r="AK13" s="1175">
        <v>169364</v>
      </c>
      <c r="AL13" s="1176"/>
      <c r="AM13" s="1176"/>
      <c r="AN13" s="1176"/>
      <c r="AO13" s="1176"/>
      <c r="AP13" s="1176">
        <v>0</v>
      </c>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t="s">
        <v>603</v>
      </c>
      <c r="BT13" s="1104"/>
      <c r="BU13" s="1104"/>
      <c r="BV13" s="1104"/>
      <c r="BW13" s="1104"/>
      <c r="BX13" s="1104"/>
      <c r="BY13" s="1104"/>
      <c r="BZ13" s="1104"/>
      <c r="CA13" s="1104"/>
      <c r="CB13" s="1104"/>
      <c r="CC13" s="1104"/>
      <c r="CD13" s="1104"/>
      <c r="CE13" s="1104"/>
      <c r="CF13" s="1104"/>
      <c r="CG13" s="1105"/>
      <c r="CH13" s="1078">
        <v>38</v>
      </c>
      <c r="CI13" s="1079"/>
      <c r="CJ13" s="1079"/>
      <c r="CK13" s="1079"/>
      <c r="CL13" s="1080"/>
      <c r="CM13" s="1078">
        <v>-22</v>
      </c>
      <c r="CN13" s="1079"/>
      <c r="CO13" s="1079"/>
      <c r="CP13" s="1079"/>
      <c r="CQ13" s="1080"/>
      <c r="CR13" s="1078">
        <v>40</v>
      </c>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t="s">
        <v>604</v>
      </c>
      <c r="BT14" s="1104"/>
      <c r="BU14" s="1104"/>
      <c r="BV14" s="1104"/>
      <c r="BW14" s="1104"/>
      <c r="BX14" s="1104"/>
      <c r="BY14" s="1104"/>
      <c r="BZ14" s="1104"/>
      <c r="CA14" s="1104"/>
      <c r="CB14" s="1104"/>
      <c r="CC14" s="1104"/>
      <c r="CD14" s="1104"/>
      <c r="CE14" s="1104"/>
      <c r="CF14" s="1104"/>
      <c r="CG14" s="1105"/>
      <c r="CH14" s="1078">
        <v>-115</v>
      </c>
      <c r="CI14" s="1079"/>
      <c r="CJ14" s="1079"/>
      <c r="CK14" s="1079"/>
      <c r="CL14" s="1080"/>
      <c r="CM14" s="1078">
        <v>2395</v>
      </c>
      <c r="CN14" s="1079"/>
      <c r="CO14" s="1079"/>
      <c r="CP14" s="1079"/>
      <c r="CQ14" s="1080"/>
      <c r="CR14" s="1078">
        <v>100</v>
      </c>
      <c r="CS14" s="1079"/>
      <c r="CT14" s="1079"/>
      <c r="CU14" s="1079"/>
      <c r="CV14" s="1080"/>
      <c r="CW14" s="1078">
        <v>195</v>
      </c>
      <c r="CX14" s="1079"/>
      <c r="CY14" s="1079"/>
      <c r="CZ14" s="1079"/>
      <c r="DA14" s="1080"/>
      <c r="DB14" s="1078">
        <v>1000</v>
      </c>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t="s">
        <v>605</v>
      </c>
      <c r="BT15" s="1104"/>
      <c r="BU15" s="1104"/>
      <c r="BV15" s="1104"/>
      <c r="BW15" s="1104"/>
      <c r="BX15" s="1104"/>
      <c r="BY15" s="1104"/>
      <c r="BZ15" s="1104"/>
      <c r="CA15" s="1104"/>
      <c r="CB15" s="1104"/>
      <c r="CC15" s="1104"/>
      <c r="CD15" s="1104"/>
      <c r="CE15" s="1104"/>
      <c r="CF15" s="1104"/>
      <c r="CG15" s="1105"/>
      <c r="CH15" s="1078">
        <v>-6</v>
      </c>
      <c r="CI15" s="1079"/>
      <c r="CJ15" s="1079"/>
      <c r="CK15" s="1079"/>
      <c r="CL15" s="1080"/>
      <c r="CM15" s="1078">
        <v>177</v>
      </c>
      <c r="CN15" s="1079"/>
      <c r="CO15" s="1079"/>
      <c r="CP15" s="1079"/>
      <c r="CQ15" s="1080"/>
      <c r="CR15" s="1078">
        <v>7</v>
      </c>
      <c r="CS15" s="1079"/>
      <c r="CT15" s="1079"/>
      <c r="CU15" s="1079"/>
      <c r="CV15" s="1080"/>
      <c r="CW15" s="1078">
        <v>28</v>
      </c>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t="s">
        <v>606</v>
      </c>
      <c r="BT16" s="1104"/>
      <c r="BU16" s="1104"/>
      <c r="BV16" s="1104"/>
      <c r="BW16" s="1104"/>
      <c r="BX16" s="1104"/>
      <c r="BY16" s="1104"/>
      <c r="BZ16" s="1104"/>
      <c r="CA16" s="1104"/>
      <c r="CB16" s="1104"/>
      <c r="CC16" s="1104"/>
      <c r="CD16" s="1104"/>
      <c r="CE16" s="1104"/>
      <c r="CF16" s="1104"/>
      <c r="CG16" s="1105"/>
      <c r="CH16" s="1078">
        <v>-3</v>
      </c>
      <c r="CI16" s="1079"/>
      <c r="CJ16" s="1079"/>
      <c r="CK16" s="1079"/>
      <c r="CL16" s="1080"/>
      <c r="CM16" s="1078">
        <v>196</v>
      </c>
      <c r="CN16" s="1079"/>
      <c r="CO16" s="1079"/>
      <c r="CP16" s="1079"/>
      <c r="CQ16" s="1080"/>
      <c r="CR16" s="1078">
        <v>10</v>
      </c>
      <c r="CS16" s="1079"/>
      <c r="CT16" s="1079"/>
      <c r="CU16" s="1079"/>
      <c r="CV16" s="1080"/>
      <c r="CW16" s="1078">
        <v>48</v>
      </c>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t="s">
        <v>607</v>
      </c>
      <c r="BT17" s="1104"/>
      <c r="BU17" s="1104"/>
      <c r="BV17" s="1104"/>
      <c r="BW17" s="1104"/>
      <c r="BX17" s="1104"/>
      <c r="BY17" s="1104"/>
      <c r="BZ17" s="1104"/>
      <c r="CA17" s="1104"/>
      <c r="CB17" s="1104"/>
      <c r="CC17" s="1104"/>
      <c r="CD17" s="1104"/>
      <c r="CE17" s="1104"/>
      <c r="CF17" s="1104"/>
      <c r="CG17" s="1105"/>
      <c r="CH17" s="1078">
        <v>-4</v>
      </c>
      <c r="CI17" s="1079"/>
      <c r="CJ17" s="1079"/>
      <c r="CK17" s="1079"/>
      <c r="CL17" s="1080"/>
      <c r="CM17" s="1078">
        <v>139</v>
      </c>
      <c r="CN17" s="1079"/>
      <c r="CO17" s="1079"/>
      <c r="CP17" s="1079"/>
      <c r="CQ17" s="1080"/>
      <c r="CR17" s="1078">
        <v>10</v>
      </c>
      <c r="CS17" s="1079"/>
      <c r="CT17" s="1079"/>
      <c r="CU17" s="1079"/>
      <c r="CV17" s="1080"/>
      <c r="CW17" s="1078">
        <v>79</v>
      </c>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t="s">
        <v>608</v>
      </c>
      <c r="BT18" s="1104"/>
      <c r="BU18" s="1104"/>
      <c r="BV18" s="1104"/>
      <c r="BW18" s="1104"/>
      <c r="BX18" s="1104"/>
      <c r="BY18" s="1104"/>
      <c r="BZ18" s="1104"/>
      <c r="CA18" s="1104"/>
      <c r="CB18" s="1104"/>
      <c r="CC18" s="1104"/>
      <c r="CD18" s="1104"/>
      <c r="CE18" s="1104"/>
      <c r="CF18" s="1104"/>
      <c r="CG18" s="1105"/>
      <c r="CH18" s="1078">
        <v>-9</v>
      </c>
      <c r="CI18" s="1079"/>
      <c r="CJ18" s="1079"/>
      <c r="CK18" s="1079"/>
      <c r="CL18" s="1080"/>
      <c r="CM18" s="1078">
        <v>-171</v>
      </c>
      <c r="CN18" s="1079"/>
      <c r="CO18" s="1079"/>
      <c r="CP18" s="1079"/>
      <c r="CQ18" s="1080"/>
      <c r="CR18" s="1078">
        <v>140</v>
      </c>
      <c r="CS18" s="1079"/>
      <c r="CT18" s="1079"/>
      <c r="CU18" s="1079"/>
      <c r="CV18" s="1080"/>
      <c r="CW18" s="1078">
        <v>90</v>
      </c>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t="s">
        <v>609</v>
      </c>
      <c r="BT19" s="1104"/>
      <c r="BU19" s="1104"/>
      <c r="BV19" s="1104"/>
      <c r="BW19" s="1104"/>
      <c r="BX19" s="1104"/>
      <c r="BY19" s="1104"/>
      <c r="BZ19" s="1104"/>
      <c r="CA19" s="1104"/>
      <c r="CB19" s="1104"/>
      <c r="CC19" s="1104"/>
      <c r="CD19" s="1104"/>
      <c r="CE19" s="1104"/>
      <c r="CF19" s="1104"/>
      <c r="CG19" s="1105"/>
      <c r="CH19" s="1078">
        <v>-3</v>
      </c>
      <c r="CI19" s="1079"/>
      <c r="CJ19" s="1079"/>
      <c r="CK19" s="1079"/>
      <c r="CL19" s="1080"/>
      <c r="CM19" s="1078">
        <v>101</v>
      </c>
      <c r="CN19" s="1079"/>
      <c r="CO19" s="1079"/>
      <c r="CP19" s="1079"/>
      <c r="CQ19" s="1080"/>
      <c r="CR19" s="1078">
        <v>15</v>
      </c>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t="s">
        <v>610</v>
      </c>
      <c r="BT20" s="1104"/>
      <c r="BU20" s="1104"/>
      <c r="BV20" s="1104"/>
      <c r="BW20" s="1104"/>
      <c r="BX20" s="1104"/>
      <c r="BY20" s="1104"/>
      <c r="BZ20" s="1104"/>
      <c r="CA20" s="1104"/>
      <c r="CB20" s="1104"/>
      <c r="CC20" s="1104"/>
      <c r="CD20" s="1104"/>
      <c r="CE20" s="1104"/>
      <c r="CF20" s="1104"/>
      <c r="CG20" s="1105"/>
      <c r="CH20" s="1078">
        <v>2676</v>
      </c>
      <c r="CI20" s="1079"/>
      <c r="CJ20" s="1079"/>
      <c r="CK20" s="1079"/>
      <c r="CL20" s="1080"/>
      <c r="CM20" s="1078">
        <v>61164</v>
      </c>
      <c r="CN20" s="1079"/>
      <c r="CO20" s="1079"/>
      <c r="CP20" s="1079"/>
      <c r="CQ20" s="1080"/>
      <c r="CR20" s="1078">
        <v>8</v>
      </c>
      <c r="CS20" s="1079"/>
      <c r="CT20" s="1079"/>
      <c r="CU20" s="1079"/>
      <c r="CV20" s="1080"/>
      <c r="CW20" s="1078"/>
      <c r="CX20" s="1079"/>
      <c r="CY20" s="1079"/>
      <c r="CZ20" s="1079"/>
      <c r="DA20" s="1080"/>
      <c r="DB20" s="1078">
        <v>97</v>
      </c>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t="s">
        <v>611</v>
      </c>
      <c r="BT21" s="1104"/>
      <c r="BU21" s="1104"/>
      <c r="BV21" s="1104"/>
      <c r="BW21" s="1104"/>
      <c r="BX21" s="1104"/>
      <c r="BY21" s="1104"/>
      <c r="BZ21" s="1104"/>
      <c r="CA21" s="1104"/>
      <c r="CB21" s="1104"/>
      <c r="CC21" s="1104"/>
      <c r="CD21" s="1104"/>
      <c r="CE21" s="1104"/>
      <c r="CF21" s="1104"/>
      <c r="CG21" s="1105"/>
      <c r="CH21" s="1078">
        <v>91</v>
      </c>
      <c r="CI21" s="1079"/>
      <c r="CJ21" s="1079"/>
      <c r="CK21" s="1079"/>
      <c r="CL21" s="1080"/>
      <c r="CM21" s="1078">
        <v>4670</v>
      </c>
      <c r="CN21" s="1079"/>
      <c r="CO21" s="1079"/>
      <c r="CP21" s="1079"/>
      <c r="CQ21" s="1080"/>
      <c r="CR21" s="1078">
        <v>481</v>
      </c>
      <c r="CS21" s="1079"/>
      <c r="CT21" s="1079"/>
      <c r="CU21" s="1079"/>
      <c r="CV21" s="1080"/>
      <c r="CW21" s="1078">
        <v>6</v>
      </c>
      <c r="CX21" s="1079"/>
      <c r="CY21" s="1079"/>
      <c r="CZ21" s="1079"/>
      <c r="DA21" s="1080"/>
      <c r="DB21" s="1078">
        <v>12461</v>
      </c>
      <c r="DC21" s="1079"/>
      <c r="DD21" s="1079"/>
      <c r="DE21" s="1079"/>
      <c r="DF21" s="1080"/>
      <c r="DG21" s="1078"/>
      <c r="DH21" s="1079"/>
      <c r="DI21" s="1079"/>
      <c r="DJ21" s="1079"/>
      <c r="DK21" s="1080"/>
      <c r="DL21" s="1078">
        <v>930</v>
      </c>
      <c r="DM21" s="1079"/>
      <c r="DN21" s="1079"/>
      <c r="DO21" s="1079"/>
      <c r="DP21" s="1080"/>
      <c r="DQ21" s="1078">
        <v>93</v>
      </c>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93</v>
      </c>
      <c r="BA22" s="1124"/>
      <c r="BB22" s="1124"/>
      <c r="BC22" s="1124"/>
      <c r="BD22" s="1125"/>
      <c r="BE22" s="253"/>
      <c r="BF22" s="253"/>
      <c r="BG22" s="253"/>
      <c r="BH22" s="253"/>
      <c r="BI22" s="253"/>
      <c r="BJ22" s="253"/>
      <c r="BK22" s="253"/>
      <c r="BL22" s="253"/>
      <c r="BM22" s="253"/>
      <c r="BN22" s="253"/>
      <c r="BO22" s="253"/>
      <c r="BP22" s="253"/>
      <c r="BQ22" s="262">
        <v>16</v>
      </c>
      <c r="BR22" s="263"/>
      <c r="BS22" s="1103" t="s">
        <v>612</v>
      </c>
      <c r="BT22" s="1104"/>
      <c r="BU22" s="1104"/>
      <c r="BV22" s="1104"/>
      <c r="BW22" s="1104"/>
      <c r="BX22" s="1104"/>
      <c r="BY22" s="1104"/>
      <c r="BZ22" s="1104"/>
      <c r="CA22" s="1104"/>
      <c r="CB22" s="1104"/>
      <c r="CC22" s="1104"/>
      <c r="CD22" s="1104"/>
      <c r="CE22" s="1104"/>
      <c r="CF22" s="1104"/>
      <c r="CG22" s="1105"/>
      <c r="CH22" s="1078">
        <v>225</v>
      </c>
      <c r="CI22" s="1079"/>
      <c r="CJ22" s="1079"/>
      <c r="CK22" s="1079"/>
      <c r="CL22" s="1080"/>
      <c r="CM22" s="1078">
        <v>10148</v>
      </c>
      <c r="CN22" s="1079"/>
      <c r="CO22" s="1079"/>
      <c r="CP22" s="1079"/>
      <c r="CQ22" s="1080"/>
      <c r="CR22" s="1078">
        <v>10</v>
      </c>
      <c r="CS22" s="1079"/>
      <c r="CT22" s="1079"/>
      <c r="CU22" s="1079"/>
      <c r="CV22" s="1080"/>
      <c r="CW22" s="1078">
        <v>11</v>
      </c>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94</v>
      </c>
      <c r="B23" s="1033" t="s">
        <v>395</v>
      </c>
      <c r="C23" s="1034"/>
      <c r="D23" s="1034"/>
      <c r="E23" s="1034"/>
      <c r="F23" s="1034"/>
      <c r="G23" s="1034"/>
      <c r="H23" s="1034"/>
      <c r="I23" s="1034"/>
      <c r="J23" s="1034"/>
      <c r="K23" s="1034"/>
      <c r="L23" s="1034"/>
      <c r="M23" s="1034"/>
      <c r="N23" s="1034"/>
      <c r="O23" s="1034"/>
      <c r="P23" s="1035"/>
      <c r="Q23" s="1157"/>
      <c r="R23" s="1158"/>
      <c r="S23" s="1158"/>
      <c r="T23" s="1158"/>
      <c r="U23" s="1158"/>
      <c r="V23" s="1158"/>
      <c r="W23" s="1158"/>
      <c r="X23" s="1158"/>
      <c r="Y23" s="1158"/>
      <c r="Z23" s="1158"/>
      <c r="AA23" s="1158"/>
      <c r="AB23" s="1158"/>
      <c r="AC23" s="1158"/>
      <c r="AD23" s="1158"/>
      <c r="AE23" s="1159"/>
      <c r="AF23" s="1160">
        <v>629</v>
      </c>
      <c r="AG23" s="1158"/>
      <c r="AH23" s="1158"/>
      <c r="AI23" s="1158"/>
      <c r="AJ23" s="1161"/>
      <c r="AK23" s="1162"/>
      <c r="AL23" s="1163"/>
      <c r="AM23" s="1163"/>
      <c r="AN23" s="1163"/>
      <c r="AO23" s="1163"/>
      <c r="AP23" s="1158"/>
      <c r="AQ23" s="1158"/>
      <c r="AR23" s="1158"/>
      <c r="AS23" s="1158"/>
      <c r="AT23" s="1158"/>
      <c r="AU23" s="1164"/>
      <c r="AV23" s="1164"/>
      <c r="AW23" s="1164"/>
      <c r="AX23" s="1164"/>
      <c r="AY23" s="1165"/>
      <c r="AZ23" s="1154" t="s">
        <v>396</v>
      </c>
      <c r="BA23" s="1155"/>
      <c r="BB23" s="1155"/>
      <c r="BC23" s="1155"/>
      <c r="BD23" s="1156"/>
      <c r="BE23" s="253"/>
      <c r="BF23" s="253"/>
      <c r="BG23" s="253"/>
      <c r="BH23" s="253"/>
      <c r="BI23" s="253"/>
      <c r="BJ23" s="253"/>
      <c r="BK23" s="253"/>
      <c r="BL23" s="253"/>
      <c r="BM23" s="253"/>
      <c r="BN23" s="253"/>
      <c r="BO23" s="253"/>
      <c r="BP23" s="253"/>
      <c r="BQ23" s="262">
        <v>17</v>
      </c>
      <c r="BR23" s="263"/>
      <c r="BS23" s="1103" t="s">
        <v>613</v>
      </c>
      <c r="BT23" s="1104"/>
      <c r="BU23" s="1104"/>
      <c r="BV23" s="1104"/>
      <c r="BW23" s="1104"/>
      <c r="BX23" s="1104"/>
      <c r="BY23" s="1104"/>
      <c r="BZ23" s="1104"/>
      <c r="CA23" s="1104"/>
      <c r="CB23" s="1104"/>
      <c r="CC23" s="1104"/>
      <c r="CD23" s="1104"/>
      <c r="CE23" s="1104"/>
      <c r="CF23" s="1104"/>
      <c r="CG23" s="1105"/>
      <c r="CH23" s="1078">
        <v>54</v>
      </c>
      <c r="CI23" s="1079"/>
      <c r="CJ23" s="1079"/>
      <c r="CK23" s="1079"/>
      <c r="CL23" s="1080"/>
      <c r="CM23" s="1078">
        <v>1408</v>
      </c>
      <c r="CN23" s="1079"/>
      <c r="CO23" s="1079"/>
      <c r="CP23" s="1079"/>
      <c r="CQ23" s="1080"/>
      <c r="CR23" s="1078">
        <v>105</v>
      </c>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97</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t="s">
        <v>614</v>
      </c>
      <c r="BT24" s="1104"/>
      <c r="BU24" s="1104"/>
      <c r="BV24" s="1104"/>
      <c r="BW24" s="1104"/>
      <c r="BX24" s="1104"/>
      <c r="BY24" s="1104"/>
      <c r="BZ24" s="1104"/>
      <c r="CA24" s="1104"/>
      <c r="CB24" s="1104"/>
      <c r="CC24" s="1104"/>
      <c r="CD24" s="1104"/>
      <c r="CE24" s="1104"/>
      <c r="CF24" s="1104"/>
      <c r="CG24" s="1105"/>
      <c r="CH24" s="1078">
        <v>38</v>
      </c>
      <c r="CI24" s="1079"/>
      <c r="CJ24" s="1079"/>
      <c r="CK24" s="1079"/>
      <c r="CL24" s="1080"/>
      <c r="CM24" s="1078">
        <v>556</v>
      </c>
      <c r="CN24" s="1079"/>
      <c r="CO24" s="1079"/>
      <c r="CP24" s="1079"/>
      <c r="CQ24" s="1080"/>
      <c r="CR24" s="1078">
        <v>131</v>
      </c>
      <c r="CS24" s="1079"/>
      <c r="CT24" s="1079"/>
      <c r="CU24" s="1079"/>
      <c r="CV24" s="1080"/>
      <c r="CW24" s="1078">
        <v>98</v>
      </c>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98</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t="s">
        <v>615</v>
      </c>
      <c r="BT25" s="1104"/>
      <c r="BU25" s="1104"/>
      <c r="BV25" s="1104"/>
      <c r="BW25" s="1104"/>
      <c r="BX25" s="1104"/>
      <c r="BY25" s="1104"/>
      <c r="BZ25" s="1104"/>
      <c r="CA25" s="1104"/>
      <c r="CB25" s="1104"/>
      <c r="CC25" s="1104"/>
      <c r="CD25" s="1104"/>
      <c r="CE25" s="1104"/>
      <c r="CF25" s="1104"/>
      <c r="CG25" s="1105"/>
      <c r="CH25" s="1078">
        <v>166</v>
      </c>
      <c r="CI25" s="1079"/>
      <c r="CJ25" s="1079"/>
      <c r="CK25" s="1079"/>
      <c r="CL25" s="1080"/>
      <c r="CM25" s="1078">
        <v>2754</v>
      </c>
      <c r="CN25" s="1079"/>
      <c r="CO25" s="1079"/>
      <c r="CP25" s="1079"/>
      <c r="CQ25" s="1080"/>
      <c r="CR25" s="1078">
        <v>50</v>
      </c>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6</v>
      </c>
      <c r="B26" s="1085"/>
      <c r="C26" s="1085"/>
      <c r="D26" s="1085"/>
      <c r="E26" s="1085"/>
      <c r="F26" s="1085"/>
      <c r="G26" s="1085"/>
      <c r="H26" s="1085"/>
      <c r="I26" s="1085"/>
      <c r="J26" s="1085"/>
      <c r="K26" s="1085"/>
      <c r="L26" s="1085"/>
      <c r="M26" s="1085"/>
      <c r="N26" s="1085"/>
      <c r="O26" s="1085"/>
      <c r="P26" s="1086"/>
      <c r="Q26" s="1090" t="s">
        <v>399</v>
      </c>
      <c r="R26" s="1091"/>
      <c r="S26" s="1091"/>
      <c r="T26" s="1091"/>
      <c r="U26" s="1092"/>
      <c r="V26" s="1090" t="s">
        <v>400</v>
      </c>
      <c r="W26" s="1091"/>
      <c r="X26" s="1091"/>
      <c r="Y26" s="1091"/>
      <c r="Z26" s="1092"/>
      <c r="AA26" s="1090" t="s">
        <v>401</v>
      </c>
      <c r="AB26" s="1091"/>
      <c r="AC26" s="1091"/>
      <c r="AD26" s="1091"/>
      <c r="AE26" s="1091"/>
      <c r="AF26" s="1148" t="s">
        <v>402</v>
      </c>
      <c r="AG26" s="1097"/>
      <c r="AH26" s="1097"/>
      <c r="AI26" s="1097"/>
      <c r="AJ26" s="1149"/>
      <c r="AK26" s="1091" t="s">
        <v>403</v>
      </c>
      <c r="AL26" s="1091"/>
      <c r="AM26" s="1091"/>
      <c r="AN26" s="1091"/>
      <c r="AO26" s="1092"/>
      <c r="AP26" s="1090" t="s">
        <v>404</v>
      </c>
      <c r="AQ26" s="1091"/>
      <c r="AR26" s="1091"/>
      <c r="AS26" s="1091"/>
      <c r="AT26" s="1092"/>
      <c r="AU26" s="1090" t="s">
        <v>405</v>
      </c>
      <c r="AV26" s="1091"/>
      <c r="AW26" s="1091"/>
      <c r="AX26" s="1091"/>
      <c r="AY26" s="1092"/>
      <c r="AZ26" s="1090" t="s">
        <v>406</v>
      </c>
      <c r="BA26" s="1091"/>
      <c r="BB26" s="1091"/>
      <c r="BC26" s="1091"/>
      <c r="BD26" s="1092"/>
      <c r="BE26" s="1090" t="s">
        <v>373</v>
      </c>
      <c r="BF26" s="1091"/>
      <c r="BG26" s="1091"/>
      <c r="BH26" s="1091"/>
      <c r="BI26" s="1106"/>
      <c r="BJ26" s="252"/>
      <c r="BK26" s="252"/>
      <c r="BL26" s="252"/>
      <c r="BM26" s="252"/>
      <c r="BN26" s="252"/>
      <c r="BO26" s="265"/>
      <c r="BP26" s="265"/>
      <c r="BQ26" s="262">
        <v>20</v>
      </c>
      <c r="BR26" s="263"/>
      <c r="BS26" s="1103" t="s">
        <v>616</v>
      </c>
      <c r="BT26" s="1104"/>
      <c r="BU26" s="1104"/>
      <c r="BV26" s="1104"/>
      <c r="BW26" s="1104"/>
      <c r="BX26" s="1104"/>
      <c r="BY26" s="1104"/>
      <c r="BZ26" s="1104"/>
      <c r="CA26" s="1104"/>
      <c r="CB26" s="1104"/>
      <c r="CC26" s="1104"/>
      <c r="CD26" s="1104"/>
      <c r="CE26" s="1104"/>
      <c r="CF26" s="1104"/>
      <c r="CG26" s="1105"/>
      <c r="CH26" s="1078">
        <v>659</v>
      </c>
      <c r="CI26" s="1079"/>
      <c r="CJ26" s="1079"/>
      <c r="CK26" s="1079"/>
      <c r="CL26" s="1080"/>
      <c r="CM26" s="1078">
        <v>5026</v>
      </c>
      <c r="CN26" s="1079"/>
      <c r="CO26" s="1079"/>
      <c r="CP26" s="1079"/>
      <c r="CQ26" s="1080"/>
      <c r="CR26" s="1078">
        <v>1700</v>
      </c>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t="s">
        <v>617</v>
      </c>
      <c r="BT27" s="1104"/>
      <c r="BU27" s="1104"/>
      <c r="BV27" s="1104"/>
      <c r="BW27" s="1104"/>
      <c r="BX27" s="1104"/>
      <c r="BY27" s="1104"/>
      <c r="BZ27" s="1104"/>
      <c r="CA27" s="1104"/>
      <c r="CB27" s="1104"/>
      <c r="CC27" s="1104"/>
      <c r="CD27" s="1104"/>
      <c r="CE27" s="1104"/>
      <c r="CF27" s="1104"/>
      <c r="CG27" s="1105"/>
      <c r="CH27" s="1078">
        <v>-3</v>
      </c>
      <c r="CI27" s="1079"/>
      <c r="CJ27" s="1079"/>
      <c r="CK27" s="1079"/>
      <c r="CL27" s="1080"/>
      <c r="CM27" s="1078">
        <v>749</v>
      </c>
      <c r="CN27" s="1079"/>
      <c r="CO27" s="1079"/>
      <c r="CP27" s="1079"/>
      <c r="CQ27" s="1080"/>
      <c r="CR27" s="1078">
        <v>100</v>
      </c>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407</v>
      </c>
      <c r="C28" s="1140"/>
      <c r="D28" s="1140"/>
      <c r="E28" s="1140"/>
      <c r="F28" s="1140"/>
      <c r="G28" s="1140"/>
      <c r="H28" s="1140"/>
      <c r="I28" s="1140"/>
      <c r="J28" s="1140"/>
      <c r="K28" s="1140"/>
      <c r="L28" s="1140"/>
      <c r="M28" s="1140"/>
      <c r="N28" s="1140"/>
      <c r="O28" s="1140"/>
      <c r="P28" s="1141"/>
      <c r="Q28" s="1142">
        <v>18506</v>
      </c>
      <c r="R28" s="1143"/>
      <c r="S28" s="1143"/>
      <c r="T28" s="1143"/>
      <c r="U28" s="1143"/>
      <c r="V28" s="1143">
        <v>18479</v>
      </c>
      <c r="W28" s="1143"/>
      <c r="X28" s="1143"/>
      <c r="Y28" s="1143"/>
      <c r="Z28" s="1143"/>
      <c r="AA28" s="1143">
        <f>Q28-V28</f>
        <v>27</v>
      </c>
      <c r="AB28" s="1143"/>
      <c r="AC28" s="1143"/>
      <c r="AD28" s="1143"/>
      <c r="AE28" s="1144"/>
      <c r="AF28" s="1145">
        <v>27</v>
      </c>
      <c r="AG28" s="1143"/>
      <c r="AH28" s="1143"/>
      <c r="AI28" s="1143"/>
      <c r="AJ28" s="1146"/>
      <c r="AK28" s="1147">
        <v>0</v>
      </c>
      <c r="AL28" s="1135"/>
      <c r="AM28" s="1135"/>
      <c r="AN28" s="1135"/>
      <c r="AO28" s="1135"/>
      <c r="AP28" s="1135">
        <v>0</v>
      </c>
      <c r="AQ28" s="1135"/>
      <c r="AR28" s="1135"/>
      <c r="AS28" s="1135"/>
      <c r="AT28" s="1135"/>
      <c r="AU28" s="1135">
        <v>0</v>
      </c>
      <c r="AV28" s="1135"/>
      <c r="AW28" s="1135"/>
      <c r="AX28" s="1135"/>
      <c r="AY28" s="1135"/>
      <c r="AZ28" s="1136" t="s">
        <v>534</v>
      </c>
      <c r="BA28" s="1136"/>
      <c r="BB28" s="1136"/>
      <c r="BC28" s="1136"/>
      <c r="BD28" s="1136"/>
      <c r="BE28" s="1137"/>
      <c r="BF28" s="1137"/>
      <c r="BG28" s="1137"/>
      <c r="BH28" s="1137"/>
      <c r="BI28" s="1138"/>
      <c r="BJ28" s="252"/>
      <c r="BK28" s="252"/>
      <c r="BL28" s="252"/>
      <c r="BM28" s="252"/>
      <c r="BN28" s="252"/>
      <c r="BO28" s="265"/>
      <c r="BP28" s="265"/>
      <c r="BQ28" s="262">
        <v>22</v>
      </c>
      <c r="BR28" s="263"/>
      <c r="BS28" s="1103" t="s">
        <v>618</v>
      </c>
      <c r="BT28" s="1104"/>
      <c r="BU28" s="1104"/>
      <c r="BV28" s="1104"/>
      <c r="BW28" s="1104"/>
      <c r="BX28" s="1104"/>
      <c r="BY28" s="1104"/>
      <c r="BZ28" s="1104"/>
      <c r="CA28" s="1104"/>
      <c r="CB28" s="1104"/>
      <c r="CC28" s="1104"/>
      <c r="CD28" s="1104"/>
      <c r="CE28" s="1104"/>
      <c r="CF28" s="1104"/>
      <c r="CG28" s="1105"/>
      <c r="CH28" s="1078">
        <v>261</v>
      </c>
      <c r="CI28" s="1079"/>
      <c r="CJ28" s="1079"/>
      <c r="CK28" s="1079"/>
      <c r="CL28" s="1080"/>
      <c r="CM28" s="1078">
        <v>376</v>
      </c>
      <c r="CN28" s="1079"/>
      <c r="CO28" s="1079"/>
      <c r="CP28" s="1079"/>
      <c r="CQ28" s="1080"/>
      <c r="CR28" s="1078">
        <v>1</v>
      </c>
      <c r="CS28" s="1079"/>
      <c r="CT28" s="1079"/>
      <c r="CU28" s="1079"/>
      <c r="CV28" s="1080"/>
      <c r="CW28" s="1078">
        <v>67</v>
      </c>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408</v>
      </c>
      <c r="C29" s="1127"/>
      <c r="D29" s="1127"/>
      <c r="E29" s="1127"/>
      <c r="F29" s="1127"/>
      <c r="G29" s="1127"/>
      <c r="H29" s="1127"/>
      <c r="I29" s="1127"/>
      <c r="J29" s="1127"/>
      <c r="K29" s="1127"/>
      <c r="L29" s="1127"/>
      <c r="M29" s="1127"/>
      <c r="N29" s="1127"/>
      <c r="O29" s="1127"/>
      <c r="P29" s="1128"/>
      <c r="Q29" s="1132">
        <v>126570</v>
      </c>
      <c r="R29" s="1133"/>
      <c r="S29" s="1133"/>
      <c r="T29" s="1133"/>
      <c r="U29" s="1133"/>
      <c r="V29" s="1133">
        <v>125861</v>
      </c>
      <c r="W29" s="1133"/>
      <c r="X29" s="1133"/>
      <c r="Y29" s="1133"/>
      <c r="Z29" s="1133"/>
      <c r="AA29" s="1133">
        <f t="shared" ref="AA29:AA30" si="1">Q29-V29</f>
        <v>709</v>
      </c>
      <c r="AB29" s="1133"/>
      <c r="AC29" s="1133"/>
      <c r="AD29" s="1133"/>
      <c r="AE29" s="1134"/>
      <c r="AF29" s="1108" t="s">
        <v>390</v>
      </c>
      <c r="AG29" s="1109"/>
      <c r="AH29" s="1109"/>
      <c r="AI29" s="1109"/>
      <c r="AJ29" s="1110"/>
      <c r="AK29" s="1069">
        <v>11274</v>
      </c>
      <c r="AL29" s="1060"/>
      <c r="AM29" s="1060"/>
      <c r="AN29" s="1060"/>
      <c r="AO29" s="1060"/>
      <c r="AP29" s="1060">
        <v>0</v>
      </c>
      <c r="AQ29" s="1060"/>
      <c r="AR29" s="1060"/>
      <c r="AS29" s="1060"/>
      <c r="AT29" s="1060"/>
      <c r="AU29" s="1060">
        <v>0</v>
      </c>
      <c r="AV29" s="1060"/>
      <c r="AW29" s="1060"/>
      <c r="AX29" s="1060"/>
      <c r="AY29" s="1060"/>
      <c r="AZ29" s="1131" t="s">
        <v>534</v>
      </c>
      <c r="BA29" s="1131"/>
      <c r="BB29" s="1131"/>
      <c r="BC29" s="1131"/>
      <c r="BD29" s="1131"/>
      <c r="BE29" s="1121"/>
      <c r="BF29" s="1121"/>
      <c r="BG29" s="1121"/>
      <c r="BH29" s="1121"/>
      <c r="BI29" s="1122"/>
      <c r="BJ29" s="252"/>
      <c r="BK29" s="252"/>
      <c r="BL29" s="252"/>
      <c r="BM29" s="252"/>
      <c r="BN29" s="252"/>
      <c r="BO29" s="265"/>
      <c r="BP29" s="265"/>
      <c r="BQ29" s="262">
        <v>23</v>
      </c>
      <c r="BR29" s="263"/>
      <c r="BS29" s="1103" t="s">
        <v>619</v>
      </c>
      <c r="BT29" s="1104"/>
      <c r="BU29" s="1104"/>
      <c r="BV29" s="1104"/>
      <c r="BW29" s="1104"/>
      <c r="BX29" s="1104"/>
      <c r="BY29" s="1104"/>
      <c r="BZ29" s="1104"/>
      <c r="CA29" s="1104"/>
      <c r="CB29" s="1104"/>
      <c r="CC29" s="1104"/>
      <c r="CD29" s="1104"/>
      <c r="CE29" s="1104"/>
      <c r="CF29" s="1104"/>
      <c r="CG29" s="1105"/>
      <c r="CH29" s="1078">
        <v>-9</v>
      </c>
      <c r="CI29" s="1079"/>
      <c r="CJ29" s="1079"/>
      <c r="CK29" s="1079"/>
      <c r="CL29" s="1080"/>
      <c r="CM29" s="1078">
        <v>313</v>
      </c>
      <c r="CN29" s="1079"/>
      <c r="CO29" s="1079"/>
      <c r="CP29" s="1079"/>
      <c r="CQ29" s="1080"/>
      <c r="CR29" s="1078">
        <v>200</v>
      </c>
      <c r="CS29" s="1079"/>
      <c r="CT29" s="1079"/>
      <c r="CU29" s="1079"/>
      <c r="CV29" s="1080"/>
      <c r="CW29" s="1078">
        <v>139</v>
      </c>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409</v>
      </c>
      <c r="C30" s="1127"/>
      <c r="D30" s="1127"/>
      <c r="E30" s="1127"/>
      <c r="F30" s="1127"/>
      <c r="G30" s="1127"/>
      <c r="H30" s="1127"/>
      <c r="I30" s="1127"/>
      <c r="J30" s="1127"/>
      <c r="K30" s="1127"/>
      <c r="L30" s="1127"/>
      <c r="M30" s="1127"/>
      <c r="N30" s="1127"/>
      <c r="O30" s="1127"/>
      <c r="P30" s="1128"/>
      <c r="Q30" s="1132">
        <v>16179</v>
      </c>
      <c r="R30" s="1133"/>
      <c r="S30" s="1133"/>
      <c r="T30" s="1133"/>
      <c r="U30" s="1133"/>
      <c r="V30" s="1133">
        <v>15424</v>
      </c>
      <c r="W30" s="1133"/>
      <c r="X30" s="1133"/>
      <c r="Y30" s="1133"/>
      <c r="Z30" s="1133"/>
      <c r="AA30" s="1133">
        <f t="shared" si="1"/>
        <v>755</v>
      </c>
      <c r="AB30" s="1133"/>
      <c r="AC30" s="1133"/>
      <c r="AD30" s="1133"/>
      <c r="AE30" s="1134"/>
      <c r="AF30" s="1108" t="s">
        <v>390</v>
      </c>
      <c r="AG30" s="1109"/>
      <c r="AH30" s="1109"/>
      <c r="AI30" s="1109"/>
      <c r="AJ30" s="1110"/>
      <c r="AK30" s="1069">
        <v>2028</v>
      </c>
      <c r="AL30" s="1060"/>
      <c r="AM30" s="1060"/>
      <c r="AN30" s="1060"/>
      <c r="AO30" s="1060"/>
      <c r="AP30" s="1060">
        <v>0</v>
      </c>
      <c r="AQ30" s="1060"/>
      <c r="AR30" s="1060"/>
      <c r="AS30" s="1060"/>
      <c r="AT30" s="1060"/>
      <c r="AU30" s="1060">
        <v>0</v>
      </c>
      <c r="AV30" s="1060"/>
      <c r="AW30" s="1060"/>
      <c r="AX30" s="1060"/>
      <c r="AY30" s="1060"/>
      <c r="AZ30" s="1131" t="s">
        <v>534</v>
      </c>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10</v>
      </c>
      <c r="C31" s="1127"/>
      <c r="D31" s="1127"/>
      <c r="E31" s="1127"/>
      <c r="F31" s="1127"/>
      <c r="G31" s="1127"/>
      <c r="H31" s="1127"/>
      <c r="I31" s="1127"/>
      <c r="J31" s="1127"/>
      <c r="K31" s="1127"/>
      <c r="L31" s="1127"/>
      <c r="M31" s="1127"/>
      <c r="N31" s="1127"/>
      <c r="O31" s="1127"/>
      <c r="P31" s="1128"/>
      <c r="Q31" s="1132">
        <v>90151</v>
      </c>
      <c r="R31" s="1133"/>
      <c r="S31" s="1133"/>
      <c r="T31" s="1133"/>
      <c r="U31" s="1133"/>
      <c r="V31" s="1133">
        <v>89434</v>
      </c>
      <c r="W31" s="1133"/>
      <c r="X31" s="1133"/>
      <c r="Y31" s="1133"/>
      <c r="Z31" s="1133"/>
      <c r="AA31" s="1133">
        <f>Q31-V31</f>
        <v>717</v>
      </c>
      <c r="AB31" s="1133"/>
      <c r="AC31" s="1133"/>
      <c r="AD31" s="1133"/>
      <c r="AE31" s="1134"/>
      <c r="AF31" s="1108">
        <v>717</v>
      </c>
      <c r="AG31" s="1109"/>
      <c r="AH31" s="1109"/>
      <c r="AI31" s="1109"/>
      <c r="AJ31" s="1110"/>
      <c r="AK31" s="1069">
        <v>13102</v>
      </c>
      <c r="AL31" s="1060"/>
      <c r="AM31" s="1060"/>
      <c r="AN31" s="1060"/>
      <c r="AO31" s="1060"/>
      <c r="AP31" s="1060">
        <v>2747</v>
      </c>
      <c r="AQ31" s="1060"/>
      <c r="AR31" s="1060"/>
      <c r="AS31" s="1060"/>
      <c r="AT31" s="1060"/>
      <c r="AU31" s="1060">
        <v>0</v>
      </c>
      <c r="AV31" s="1060"/>
      <c r="AW31" s="1060"/>
      <c r="AX31" s="1060"/>
      <c r="AY31" s="1060"/>
      <c r="AZ31" s="1131" t="s">
        <v>534</v>
      </c>
      <c r="BA31" s="1131"/>
      <c r="BB31" s="1131"/>
      <c r="BC31" s="1131"/>
      <c r="BD31" s="1131"/>
      <c r="BE31" s="1121"/>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t="s">
        <v>411</v>
      </c>
      <c r="C32" s="1127"/>
      <c r="D32" s="1127"/>
      <c r="E32" s="1127"/>
      <c r="F32" s="1127"/>
      <c r="G32" s="1127"/>
      <c r="H32" s="1127"/>
      <c r="I32" s="1127"/>
      <c r="J32" s="1127"/>
      <c r="K32" s="1127"/>
      <c r="L32" s="1127"/>
      <c r="M32" s="1127"/>
      <c r="N32" s="1127"/>
      <c r="O32" s="1127"/>
      <c r="P32" s="1128"/>
      <c r="Q32" s="1132">
        <v>33155</v>
      </c>
      <c r="R32" s="1133"/>
      <c r="S32" s="1133"/>
      <c r="T32" s="1133"/>
      <c r="U32" s="1133"/>
      <c r="V32" s="1133">
        <v>32286</v>
      </c>
      <c r="W32" s="1133"/>
      <c r="X32" s="1133"/>
      <c r="Y32" s="1133"/>
      <c r="Z32" s="1133"/>
      <c r="AA32" s="1133">
        <f>Q32-V32</f>
        <v>869</v>
      </c>
      <c r="AB32" s="1133"/>
      <c r="AC32" s="1133"/>
      <c r="AD32" s="1133"/>
      <c r="AE32" s="1134"/>
      <c r="AF32" s="1108">
        <v>1872</v>
      </c>
      <c r="AG32" s="1109"/>
      <c r="AH32" s="1109"/>
      <c r="AI32" s="1109"/>
      <c r="AJ32" s="1110"/>
      <c r="AK32" s="1069">
        <v>5314</v>
      </c>
      <c r="AL32" s="1060"/>
      <c r="AM32" s="1060"/>
      <c r="AN32" s="1060"/>
      <c r="AO32" s="1060"/>
      <c r="AP32" s="1060">
        <v>50357</v>
      </c>
      <c r="AQ32" s="1060"/>
      <c r="AR32" s="1060"/>
      <c r="AS32" s="1060"/>
      <c r="AT32" s="1060"/>
      <c r="AU32" s="1060">
        <v>31826</v>
      </c>
      <c r="AV32" s="1060"/>
      <c r="AW32" s="1060"/>
      <c r="AX32" s="1060"/>
      <c r="AY32" s="1060"/>
      <c r="AZ32" s="1131" t="s">
        <v>534</v>
      </c>
      <c r="BA32" s="1131"/>
      <c r="BB32" s="1131"/>
      <c r="BC32" s="1131"/>
      <c r="BD32" s="1131"/>
      <c r="BE32" s="1121" t="s">
        <v>412</v>
      </c>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t="s">
        <v>413</v>
      </c>
      <c r="C33" s="1127"/>
      <c r="D33" s="1127"/>
      <c r="E33" s="1127"/>
      <c r="F33" s="1127"/>
      <c r="G33" s="1127"/>
      <c r="H33" s="1127"/>
      <c r="I33" s="1127"/>
      <c r="J33" s="1127"/>
      <c r="K33" s="1127"/>
      <c r="L33" s="1127"/>
      <c r="M33" s="1127"/>
      <c r="N33" s="1127"/>
      <c r="O33" s="1127"/>
      <c r="P33" s="1128"/>
      <c r="Q33" s="1132">
        <v>41583</v>
      </c>
      <c r="R33" s="1133"/>
      <c r="S33" s="1133"/>
      <c r="T33" s="1133"/>
      <c r="U33" s="1133"/>
      <c r="V33" s="1133">
        <v>37724</v>
      </c>
      <c r="W33" s="1133"/>
      <c r="X33" s="1133"/>
      <c r="Y33" s="1133"/>
      <c r="Z33" s="1133"/>
      <c r="AA33" s="1133">
        <f t="shared" ref="AA33:AA39" si="2">Q33-V33</f>
        <v>3859</v>
      </c>
      <c r="AB33" s="1133"/>
      <c r="AC33" s="1133"/>
      <c r="AD33" s="1133"/>
      <c r="AE33" s="1134"/>
      <c r="AF33" s="1108">
        <v>11340</v>
      </c>
      <c r="AG33" s="1109"/>
      <c r="AH33" s="1109"/>
      <c r="AI33" s="1109"/>
      <c r="AJ33" s="1110"/>
      <c r="AK33" s="1069">
        <v>11863</v>
      </c>
      <c r="AL33" s="1060"/>
      <c r="AM33" s="1060"/>
      <c r="AN33" s="1060"/>
      <c r="AO33" s="1060"/>
      <c r="AP33" s="1060">
        <v>313231</v>
      </c>
      <c r="AQ33" s="1060"/>
      <c r="AR33" s="1060"/>
      <c r="AS33" s="1060"/>
      <c r="AT33" s="1060"/>
      <c r="AU33" s="1060">
        <v>103366</v>
      </c>
      <c r="AV33" s="1060"/>
      <c r="AW33" s="1060"/>
      <c r="AX33" s="1060"/>
      <c r="AY33" s="1060"/>
      <c r="AZ33" s="1131" t="s">
        <v>534</v>
      </c>
      <c r="BA33" s="1131"/>
      <c r="BB33" s="1131"/>
      <c r="BC33" s="1131"/>
      <c r="BD33" s="1131"/>
      <c r="BE33" s="1121" t="s">
        <v>414</v>
      </c>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t="s">
        <v>415</v>
      </c>
      <c r="C34" s="1127"/>
      <c r="D34" s="1127"/>
      <c r="E34" s="1127"/>
      <c r="F34" s="1127"/>
      <c r="G34" s="1127"/>
      <c r="H34" s="1127"/>
      <c r="I34" s="1127"/>
      <c r="J34" s="1127"/>
      <c r="K34" s="1127"/>
      <c r="L34" s="1127"/>
      <c r="M34" s="1127"/>
      <c r="N34" s="1127"/>
      <c r="O34" s="1127"/>
      <c r="P34" s="1128"/>
      <c r="Q34" s="1132">
        <v>32445</v>
      </c>
      <c r="R34" s="1133"/>
      <c r="S34" s="1133"/>
      <c r="T34" s="1133"/>
      <c r="U34" s="1133"/>
      <c r="V34" s="1133">
        <v>29478</v>
      </c>
      <c r="W34" s="1133"/>
      <c r="X34" s="1133"/>
      <c r="Y34" s="1133"/>
      <c r="Z34" s="1133"/>
      <c r="AA34" s="1133">
        <f t="shared" si="2"/>
        <v>2967</v>
      </c>
      <c r="AB34" s="1133"/>
      <c r="AC34" s="1133"/>
      <c r="AD34" s="1133"/>
      <c r="AE34" s="1134"/>
      <c r="AF34" s="1108">
        <v>14265</v>
      </c>
      <c r="AG34" s="1109"/>
      <c r="AH34" s="1109"/>
      <c r="AI34" s="1109"/>
      <c r="AJ34" s="1110"/>
      <c r="AK34" s="1069">
        <v>376</v>
      </c>
      <c r="AL34" s="1060"/>
      <c r="AM34" s="1060"/>
      <c r="AN34" s="1060"/>
      <c r="AO34" s="1060"/>
      <c r="AP34" s="1060">
        <v>66219</v>
      </c>
      <c r="AQ34" s="1060"/>
      <c r="AR34" s="1060"/>
      <c r="AS34" s="1060"/>
      <c r="AT34" s="1060"/>
      <c r="AU34" s="1060">
        <v>2516</v>
      </c>
      <c r="AV34" s="1060"/>
      <c r="AW34" s="1060"/>
      <c r="AX34" s="1060"/>
      <c r="AY34" s="1060"/>
      <c r="AZ34" s="1131" t="s">
        <v>534</v>
      </c>
      <c r="BA34" s="1131"/>
      <c r="BB34" s="1131"/>
      <c r="BC34" s="1131"/>
      <c r="BD34" s="1131"/>
      <c r="BE34" s="1121" t="s">
        <v>414</v>
      </c>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t="s">
        <v>416</v>
      </c>
      <c r="C35" s="1127"/>
      <c r="D35" s="1127"/>
      <c r="E35" s="1127"/>
      <c r="F35" s="1127"/>
      <c r="G35" s="1127"/>
      <c r="H35" s="1127"/>
      <c r="I35" s="1127"/>
      <c r="J35" s="1127"/>
      <c r="K35" s="1127"/>
      <c r="L35" s="1127"/>
      <c r="M35" s="1127"/>
      <c r="N35" s="1127"/>
      <c r="O35" s="1127"/>
      <c r="P35" s="1128"/>
      <c r="Q35" s="1132">
        <v>7505</v>
      </c>
      <c r="R35" s="1133"/>
      <c r="S35" s="1133"/>
      <c r="T35" s="1133"/>
      <c r="U35" s="1133"/>
      <c r="V35" s="1133">
        <v>6326</v>
      </c>
      <c r="W35" s="1133"/>
      <c r="X35" s="1133"/>
      <c r="Y35" s="1133"/>
      <c r="Z35" s="1133"/>
      <c r="AA35" s="1133">
        <f t="shared" si="2"/>
        <v>1179</v>
      </c>
      <c r="AB35" s="1133"/>
      <c r="AC35" s="1133"/>
      <c r="AD35" s="1133"/>
      <c r="AE35" s="1134"/>
      <c r="AF35" s="1108">
        <v>8381</v>
      </c>
      <c r="AG35" s="1109"/>
      <c r="AH35" s="1109"/>
      <c r="AI35" s="1109"/>
      <c r="AJ35" s="1110"/>
      <c r="AK35" s="1069">
        <v>36</v>
      </c>
      <c r="AL35" s="1060"/>
      <c r="AM35" s="1060"/>
      <c r="AN35" s="1060"/>
      <c r="AO35" s="1060"/>
      <c r="AP35" s="1060">
        <v>8545</v>
      </c>
      <c r="AQ35" s="1060"/>
      <c r="AR35" s="1060"/>
      <c r="AS35" s="1060"/>
      <c r="AT35" s="1060"/>
      <c r="AU35" s="1060">
        <v>1435</v>
      </c>
      <c r="AV35" s="1060"/>
      <c r="AW35" s="1060"/>
      <c r="AX35" s="1060"/>
      <c r="AY35" s="1060"/>
      <c r="AZ35" s="1131" t="s">
        <v>534</v>
      </c>
      <c r="BA35" s="1131"/>
      <c r="BB35" s="1131"/>
      <c r="BC35" s="1131"/>
      <c r="BD35" s="1131"/>
      <c r="BE35" s="1121" t="s">
        <v>417</v>
      </c>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t="s">
        <v>418</v>
      </c>
      <c r="C36" s="1127"/>
      <c r="D36" s="1127"/>
      <c r="E36" s="1127"/>
      <c r="F36" s="1127"/>
      <c r="G36" s="1127"/>
      <c r="H36" s="1127"/>
      <c r="I36" s="1127"/>
      <c r="J36" s="1127"/>
      <c r="K36" s="1127"/>
      <c r="L36" s="1127"/>
      <c r="M36" s="1127"/>
      <c r="N36" s="1127"/>
      <c r="O36" s="1127"/>
      <c r="P36" s="1128"/>
      <c r="Q36" s="1132">
        <v>9531</v>
      </c>
      <c r="R36" s="1133"/>
      <c r="S36" s="1133"/>
      <c r="T36" s="1133"/>
      <c r="U36" s="1133"/>
      <c r="V36" s="1133">
        <v>9005</v>
      </c>
      <c r="W36" s="1133"/>
      <c r="X36" s="1133"/>
      <c r="Y36" s="1133"/>
      <c r="Z36" s="1133"/>
      <c r="AA36" s="1133">
        <f t="shared" si="2"/>
        <v>526</v>
      </c>
      <c r="AB36" s="1133"/>
      <c r="AC36" s="1133"/>
      <c r="AD36" s="1133"/>
      <c r="AE36" s="1134"/>
      <c r="AF36" s="1108">
        <v>47</v>
      </c>
      <c r="AG36" s="1109"/>
      <c r="AH36" s="1109"/>
      <c r="AI36" s="1109"/>
      <c r="AJ36" s="1110"/>
      <c r="AK36" s="1069">
        <v>1142</v>
      </c>
      <c r="AL36" s="1060"/>
      <c r="AM36" s="1060"/>
      <c r="AN36" s="1060"/>
      <c r="AO36" s="1060"/>
      <c r="AP36" s="1060">
        <v>1756</v>
      </c>
      <c r="AQ36" s="1060"/>
      <c r="AR36" s="1060"/>
      <c r="AS36" s="1060"/>
      <c r="AT36" s="1060"/>
      <c r="AU36" s="1060">
        <v>172</v>
      </c>
      <c r="AV36" s="1060"/>
      <c r="AW36" s="1060"/>
      <c r="AX36" s="1060"/>
      <c r="AY36" s="1060"/>
      <c r="AZ36" s="1131" t="s">
        <v>534</v>
      </c>
      <c r="BA36" s="1131"/>
      <c r="BB36" s="1131"/>
      <c r="BC36" s="1131"/>
      <c r="BD36" s="1131"/>
      <c r="BE36" s="1121" t="s">
        <v>414</v>
      </c>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t="s">
        <v>419</v>
      </c>
      <c r="C37" s="1127"/>
      <c r="D37" s="1127"/>
      <c r="E37" s="1127"/>
      <c r="F37" s="1127"/>
      <c r="G37" s="1127"/>
      <c r="H37" s="1127"/>
      <c r="I37" s="1127"/>
      <c r="J37" s="1127"/>
      <c r="K37" s="1127"/>
      <c r="L37" s="1127"/>
      <c r="M37" s="1127"/>
      <c r="N37" s="1127"/>
      <c r="O37" s="1127"/>
      <c r="P37" s="1128"/>
      <c r="Q37" s="1132">
        <v>1233</v>
      </c>
      <c r="R37" s="1133"/>
      <c r="S37" s="1133"/>
      <c r="T37" s="1133"/>
      <c r="U37" s="1133"/>
      <c r="V37" s="1133">
        <v>769</v>
      </c>
      <c r="W37" s="1133"/>
      <c r="X37" s="1133"/>
      <c r="Y37" s="1133"/>
      <c r="Z37" s="1133"/>
      <c r="AA37" s="1133">
        <f t="shared" si="2"/>
        <v>464</v>
      </c>
      <c r="AB37" s="1133"/>
      <c r="AC37" s="1133"/>
      <c r="AD37" s="1133"/>
      <c r="AE37" s="1134"/>
      <c r="AF37" s="1108" t="s">
        <v>420</v>
      </c>
      <c r="AG37" s="1109"/>
      <c r="AH37" s="1109"/>
      <c r="AI37" s="1109"/>
      <c r="AJ37" s="1110"/>
      <c r="AK37" s="1069">
        <v>219</v>
      </c>
      <c r="AL37" s="1060"/>
      <c r="AM37" s="1060"/>
      <c r="AN37" s="1060"/>
      <c r="AO37" s="1060"/>
      <c r="AP37" s="1060">
        <v>4104</v>
      </c>
      <c r="AQ37" s="1060"/>
      <c r="AR37" s="1060"/>
      <c r="AS37" s="1060"/>
      <c r="AT37" s="1060"/>
      <c r="AU37" s="1060">
        <v>2368</v>
      </c>
      <c r="AV37" s="1060"/>
      <c r="AW37" s="1060"/>
      <c r="AX37" s="1060"/>
      <c r="AY37" s="1060"/>
      <c r="AZ37" s="1131" t="s">
        <v>620</v>
      </c>
      <c r="BA37" s="1131"/>
      <c r="BB37" s="1131"/>
      <c r="BC37" s="1131"/>
      <c r="BD37" s="1131"/>
      <c r="BE37" s="1121" t="s">
        <v>421</v>
      </c>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t="s">
        <v>422</v>
      </c>
      <c r="C38" s="1127"/>
      <c r="D38" s="1127"/>
      <c r="E38" s="1127"/>
      <c r="F38" s="1127"/>
      <c r="G38" s="1127"/>
      <c r="H38" s="1127"/>
      <c r="I38" s="1127"/>
      <c r="J38" s="1127"/>
      <c r="K38" s="1127"/>
      <c r="L38" s="1127"/>
      <c r="M38" s="1127"/>
      <c r="N38" s="1127"/>
      <c r="O38" s="1127"/>
      <c r="P38" s="1128"/>
      <c r="Q38" s="1132">
        <v>1858</v>
      </c>
      <c r="R38" s="1133"/>
      <c r="S38" s="1133"/>
      <c r="T38" s="1133"/>
      <c r="U38" s="1133"/>
      <c r="V38" s="1133">
        <v>1271</v>
      </c>
      <c r="W38" s="1133"/>
      <c r="X38" s="1133"/>
      <c r="Y38" s="1133"/>
      <c r="Z38" s="1133"/>
      <c r="AA38" s="1133">
        <f t="shared" si="2"/>
        <v>587</v>
      </c>
      <c r="AB38" s="1133"/>
      <c r="AC38" s="1133"/>
      <c r="AD38" s="1133"/>
      <c r="AE38" s="1134"/>
      <c r="AF38" s="1108">
        <v>1799</v>
      </c>
      <c r="AG38" s="1109"/>
      <c r="AH38" s="1109"/>
      <c r="AI38" s="1109"/>
      <c r="AJ38" s="1110"/>
      <c r="AK38" s="1069">
        <v>0</v>
      </c>
      <c r="AL38" s="1060"/>
      <c r="AM38" s="1060"/>
      <c r="AN38" s="1060"/>
      <c r="AO38" s="1060"/>
      <c r="AP38" s="1060">
        <v>2543</v>
      </c>
      <c r="AQ38" s="1060"/>
      <c r="AR38" s="1060"/>
      <c r="AS38" s="1060"/>
      <c r="AT38" s="1060"/>
      <c r="AU38" s="1060">
        <v>0</v>
      </c>
      <c r="AV38" s="1060"/>
      <c r="AW38" s="1060"/>
      <c r="AX38" s="1060"/>
      <c r="AY38" s="1060"/>
      <c r="AZ38" s="1131" t="s">
        <v>620</v>
      </c>
      <c r="BA38" s="1131"/>
      <c r="BB38" s="1131"/>
      <c r="BC38" s="1131"/>
      <c r="BD38" s="1131"/>
      <c r="BE38" s="1121" t="s">
        <v>423</v>
      </c>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t="s">
        <v>424</v>
      </c>
      <c r="C39" s="1127"/>
      <c r="D39" s="1127"/>
      <c r="E39" s="1127"/>
      <c r="F39" s="1127"/>
      <c r="G39" s="1127"/>
      <c r="H39" s="1127"/>
      <c r="I39" s="1127"/>
      <c r="J39" s="1127"/>
      <c r="K39" s="1127"/>
      <c r="L39" s="1127"/>
      <c r="M39" s="1127"/>
      <c r="N39" s="1127"/>
      <c r="O39" s="1127"/>
      <c r="P39" s="1128"/>
      <c r="Q39" s="1132">
        <v>373</v>
      </c>
      <c r="R39" s="1133"/>
      <c r="S39" s="1133"/>
      <c r="T39" s="1133"/>
      <c r="U39" s="1133"/>
      <c r="V39" s="1133">
        <v>25</v>
      </c>
      <c r="W39" s="1133"/>
      <c r="X39" s="1133"/>
      <c r="Y39" s="1133"/>
      <c r="Z39" s="1133"/>
      <c r="AA39" s="1133">
        <f t="shared" si="2"/>
        <v>348</v>
      </c>
      <c r="AB39" s="1133"/>
      <c r="AC39" s="1133"/>
      <c r="AD39" s="1133"/>
      <c r="AE39" s="1134"/>
      <c r="AF39" s="1108">
        <v>118</v>
      </c>
      <c r="AG39" s="1109"/>
      <c r="AH39" s="1109"/>
      <c r="AI39" s="1109"/>
      <c r="AJ39" s="1110"/>
      <c r="AK39" s="1069">
        <v>0</v>
      </c>
      <c r="AL39" s="1060"/>
      <c r="AM39" s="1060"/>
      <c r="AN39" s="1060"/>
      <c r="AO39" s="1060"/>
      <c r="AP39" s="1060">
        <v>418</v>
      </c>
      <c r="AQ39" s="1060"/>
      <c r="AR39" s="1060"/>
      <c r="AS39" s="1060"/>
      <c r="AT39" s="1060"/>
      <c r="AU39" s="1060">
        <v>0</v>
      </c>
      <c r="AV39" s="1060"/>
      <c r="AW39" s="1060"/>
      <c r="AX39" s="1060"/>
      <c r="AY39" s="1060"/>
      <c r="AZ39" s="1131" t="s">
        <v>620</v>
      </c>
      <c r="BA39" s="1131"/>
      <c r="BB39" s="1131"/>
      <c r="BC39" s="1131"/>
      <c r="BD39" s="1131"/>
      <c r="BE39" s="1121" t="s">
        <v>425</v>
      </c>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26</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94</v>
      </c>
      <c r="B63" s="1033" t="s">
        <v>427</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38566</v>
      </c>
      <c r="AG63" s="1048"/>
      <c r="AH63" s="1048"/>
      <c r="AI63" s="1048"/>
      <c r="AJ63" s="1119"/>
      <c r="AK63" s="1120"/>
      <c r="AL63" s="1052"/>
      <c r="AM63" s="1052"/>
      <c r="AN63" s="1052"/>
      <c r="AO63" s="1052"/>
      <c r="AP63" s="1048"/>
      <c r="AQ63" s="1048"/>
      <c r="AR63" s="1048"/>
      <c r="AS63" s="1048"/>
      <c r="AT63" s="1048"/>
      <c r="AU63" s="1048"/>
      <c r="AV63" s="1048"/>
      <c r="AW63" s="1048"/>
      <c r="AX63" s="1048"/>
      <c r="AY63" s="1048"/>
      <c r="AZ63" s="1114"/>
      <c r="BA63" s="1114"/>
      <c r="BB63" s="1114"/>
      <c r="BC63" s="1114"/>
      <c r="BD63" s="1114"/>
      <c r="BE63" s="1049"/>
      <c r="BF63" s="1049"/>
      <c r="BG63" s="1049"/>
      <c r="BH63" s="1049"/>
      <c r="BI63" s="1050"/>
      <c r="BJ63" s="1115" t="s">
        <v>420</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28</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29</v>
      </c>
      <c r="B66" s="1085"/>
      <c r="C66" s="1085"/>
      <c r="D66" s="1085"/>
      <c r="E66" s="1085"/>
      <c r="F66" s="1085"/>
      <c r="G66" s="1085"/>
      <c r="H66" s="1085"/>
      <c r="I66" s="1085"/>
      <c r="J66" s="1085"/>
      <c r="K66" s="1085"/>
      <c r="L66" s="1085"/>
      <c r="M66" s="1085"/>
      <c r="N66" s="1085"/>
      <c r="O66" s="1085"/>
      <c r="P66" s="1086"/>
      <c r="Q66" s="1090" t="s">
        <v>430</v>
      </c>
      <c r="R66" s="1091"/>
      <c r="S66" s="1091"/>
      <c r="T66" s="1091"/>
      <c r="U66" s="1092"/>
      <c r="V66" s="1090" t="s">
        <v>400</v>
      </c>
      <c r="W66" s="1091"/>
      <c r="X66" s="1091"/>
      <c r="Y66" s="1091"/>
      <c r="Z66" s="1092"/>
      <c r="AA66" s="1090" t="s">
        <v>431</v>
      </c>
      <c r="AB66" s="1091"/>
      <c r="AC66" s="1091"/>
      <c r="AD66" s="1091"/>
      <c r="AE66" s="1092"/>
      <c r="AF66" s="1096" t="s">
        <v>432</v>
      </c>
      <c r="AG66" s="1097"/>
      <c r="AH66" s="1097"/>
      <c r="AI66" s="1097"/>
      <c r="AJ66" s="1098"/>
      <c r="AK66" s="1090" t="s">
        <v>433</v>
      </c>
      <c r="AL66" s="1085"/>
      <c r="AM66" s="1085"/>
      <c r="AN66" s="1085"/>
      <c r="AO66" s="1086"/>
      <c r="AP66" s="1090" t="s">
        <v>434</v>
      </c>
      <c r="AQ66" s="1091"/>
      <c r="AR66" s="1091"/>
      <c r="AS66" s="1091"/>
      <c r="AT66" s="1092"/>
      <c r="AU66" s="1090" t="s">
        <v>435</v>
      </c>
      <c r="AV66" s="1091"/>
      <c r="AW66" s="1091"/>
      <c r="AX66" s="1091"/>
      <c r="AY66" s="1092"/>
      <c r="AZ66" s="1090" t="s">
        <v>373</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621</v>
      </c>
      <c r="C68" s="1075"/>
      <c r="D68" s="1075"/>
      <c r="E68" s="1075"/>
      <c r="F68" s="1075"/>
      <c r="G68" s="1075"/>
      <c r="H68" s="1075"/>
      <c r="I68" s="1075"/>
      <c r="J68" s="1075"/>
      <c r="K68" s="1075"/>
      <c r="L68" s="1075"/>
      <c r="M68" s="1075"/>
      <c r="N68" s="1075"/>
      <c r="O68" s="1075"/>
      <c r="P68" s="1076"/>
      <c r="Q68" s="1077">
        <v>78832</v>
      </c>
      <c r="R68" s="1071"/>
      <c r="S68" s="1071"/>
      <c r="T68" s="1071"/>
      <c r="U68" s="1071"/>
      <c r="V68" s="1071">
        <v>76119</v>
      </c>
      <c r="W68" s="1071"/>
      <c r="X68" s="1071"/>
      <c r="Y68" s="1071"/>
      <c r="Z68" s="1071"/>
      <c r="AA68" s="1071">
        <v>2713</v>
      </c>
      <c r="AB68" s="1071"/>
      <c r="AC68" s="1071"/>
      <c r="AD68" s="1071"/>
      <c r="AE68" s="1071"/>
      <c r="AF68" s="1071">
        <v>2713</v>
      </c>
      <c r="AG68" s="1071"/>
      <c r="AH68" s="1071"/>
      <c r="AI68" s="1071"/>
      <c r="AJ68" s="1071"/>
      <c r="AK68" s="1071"/>
      <c r="AL68" s="1071"/>
      <c r="AM68" s="1071"/>
      <c r="AN68" s="1071"/>
      <c r="AO68" s="1071"/>
      <c r="AP68" s="1071"/>
      <c r="AQ68" s="1071"/>
      <c r="AR68" s="1071"/>
      <c r="AS68" s="1071"/>
      <c r="AT68" s="1071"/>
      <c r="AU68" s="1071">
        <v>0</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622</v>
      </c>
      <c r="C69" s="1064"/>
      <c r="D69" s="1064"/>
      <c r="E69" s="1064"/>
      <c r="F69" s="1064"/>
      <c r="G69" s="1064"/>
      <c r="H69" s="1064"/>
      <c r="I69" s="1064"/>
      <c r="J69" s="1064"/>
      <c r="K69" s="1064"/>
      <c r="L69" s="1064"/>
      <c r="M69" s="1064"/>
      <c r="N69" s="1064"/>
      <c r="O69" s="1064"/>
      <c r="P69" s="1065"/>
      <c r="Q69" s="1066">
        <v>42706</v>
      </c>
      <c r="R69" s="1060"/>
      <c r="S69" s="1060"/>
      <c r="T69" s="1060"/>
      <c r="U69" s="1060"/>
      <c r="V69" s="1060">
        <v>40823</v>
      </c>
      <c r="W69" s="1060"/>
      <c r="X69" s="1060"/>
      <c r="Y69" s="1060"/>
      <c r="Z69" s="1060"/>
      <c r="AA69" s="1060">
        <v>1883</v>
      </c>
      <c r="AB69" s="1060"/>
      <c r="AC69" s="1060"/>
      <c r="AD69" s="1060"/>
      <c r="AE69" s="1060"/>
      <c r="AF69" s="1060">
        <v>11701</v>
      </c>
      <c r="AG69" s="1060"/>
      <c r="AH69" s="1060"/>
      <c r="AI69" s="1060"/>
      <c r="AJ69" s="1060"/>
      <c r="AK69" s="1060">
        <v>21</v>
      </c>
      <c r="AL69" s="1060"/>
      <c r="AM69" s="1060"/>
      <c r="AN69" s="1060"/>
      <c r="AO69" s="1060"/>
      <c r="AP69" s="1060">
        <v>117566</v>
      </c>
      <c r="AQ69" s="1060"/>
      <c r="AR69" s="1060"/>
      <c r="AS69" s="1060"/>
      <c r="AT69" s="1060"/>
      <c r="AU69" s="1060">
        <v>0</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623</v>
      </c>
      <c r="C70" s="1064"/>
      <c r="D70" s="1064"/>
      <c r="E70" s="1064"/>
      <c r="F70" s="1064"/>
      <c r="G70" s="1064"/>
      <c r="H70" s="1064"/>
      <c r="I70" s="1064"/>
      <c r="J70" s="1064"/>
      <c r="K70" s="1064"/>
      <c r="L70" s="1064"/>
      <c r="M70" s="1064"/>
      <c r="N70" s="1064"/>
      <c r="O70" s="1064"/>
      <c r="P70" s="1065"/>
      <c r="Q70" s="1066">
        <v>4857</v>
      </c>
      <c r="R70" s="1060"/>
      <c r="S70" s="1060"/>
      <c r="T70" s="1060"/>
      <c r="U70" s="1060"/>
      <c r="V70" s="1060">
        <v>3572</v>
      </c>
      <c r="W70" s="1060"/>
      <c r="X70" s="1060"/>
      <c r="Y70" s="1060"/>
      <c r="Z70" s="1060"/>
      <c r="AA70" s="1060">
        <v>1285</v>
      </c>
      <c r="AB70" s="1060"/>
      <c r="AC70" s="1060"/>
      <c r="AD70" s="1060"/>
      <c r="AE70" s="1060"/>
      <c r="AF70" s="1060">
        <v>1284</v>
      </c>
      <c r="AG70" s="1060"/>
      <c r="AH70" s="1060"/>
      <c r="AI70" s="1060"/>
      <c r="AJ70" s="1060"/>
      <c r="AK70" s="1060"/>
      <c r="AL70" s="1060"/>
      <c r="AM70" s="1060"/>
      <c r="AN70" s="1060"/>
      <c r="AO70" s="1060"/>
      <c r="AP70" s="1060"/>
      <c r="AQ70" s="1060"/>
      <c r="AR70" s="1060"/>
      <c r="AS70" s="1060"/>
      <c r="AT70" s="1060"/>
      <c r="AU70" s="1060">
        <v>0</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624</v>
      </c>
      <c r="C71" s="1064"/>
      <c r="D71" s="1064"/>
      <c r="E71" s="1064"/>
      <c r="F71" s="1064"/>
      <c r="G71" s="1064"/>
      <c r="H71" s="1064"/>
      <c r="I71" s="1064"/>
      <c r="J71" s="1064"/>
      <c r="K71" s="1064"/>
      <c r="L71" s="1064"/>
      <c r="M71" s="1064"/>
      <c r="N71" s="1064"/>
      <c r="O71" s="1064"/>
      <c r="P71" s="1065"/>
      <c r="Q71" s="1066">
        <v>904813</v>
      </c>
      <c r="R71" s="1060"/>
      <c r="S71" s="1060"/>
      <c r="T71" s="1060"/>
      <c r="U71" s="1060"/>
      <c r="V71" s="1060">
        <v>891291</v>
      </c>
      <c r="W71" s="1060"/>
      <c r="X71" s="1060"/>
      <c r="Y71" s="1060"/>
      <c r="Z71" s="1060"/>
      <c r="AA71" s="1060">
        <v>13522</v>
      </c>
      <c r="AB71" s="1060"/>
      <c r="AC71" s="1060"/>
      <c r="AD71" s="1060"/>
      <c r="AE71" s="1060"/>
      <c r="AF71" s="1060">
        <v>13522</v>
      </c>
      <c r="AG71" s="1060"/>
      <c r="AH71" s="1060"/>
      <c r="AI71" s="1060"/>
      <c r="AJ71" s="1060"/>
      <c r="AK71" s="1060"/>
      <c r="AL71" s="1060"/>
      <c r="AM71" s="1060"/>
      <c r="AN71" s="1060"/>
      <c r="AO71" s="1060"/>
      <c r="AP71" s="1060"/>
      <c r="AQ71" s="1060"/>
      <c r="AR71" s="1060"/>
      <c r="AS71" s="1060"/>
      <c r="AT71" s="1060"/>
      <c r="AU71" s="1060">
        <v>0</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c r="C72" s="1064"/>
      <c r="D72" s="1064"/>
      <c r="E72" s="1064"/>
      <c r="F72" s="1064"/>
      <c r="G72" s="1064"/>
      <c r="H72" s="1064"/>
      <c r="I72" s="1064"/>
      <c r="J72" s="1064"/>
      <c r="K72" s="1064"/>
      <c r="L72" s="1064"/>
      <c r="M72" s="1064"/>
      <c r="N72" s="1064"/>
      <c r="O72" s="1064"/>
      <c r="P72" s="1065"/>
      <c r="Q72" s="1066"/>
      <c r="R72" s="1060"/>
      <c r="S72" s="1060"/>
      <c r="T72" s="1060"/>
      <c r="U72" s="1060"/>
      <c r="V72" s="1060"/>
      <c r="W72" s="1060"/>
      <c r="X72" s="1060"/>
      <c r="Y72" s="1060"/>
      <c r="Z72" s="1060"/>
      <c r="AA72" s="1060"/>
      <c r="AB72" s="1060"/>
      <c r="AC72" s="1060"/>
      <c r="AD72" s="1060"/>
      <c r="AE72" s="1060"/>
      <c r="AF72" s="1060"/>
      <c r="AG72" s="1060"/>
      <c r="AH72" s="1060"/>
      <c r="AI72" s="1060"/>
      <c r="AJ72" s="1060"/>
      <c r="AK72" s="1060"/>
      <c r="AL72" s="1060"/>
      <c r="AM72" s="1060"/>
      <c r="AN72" s="1060"/>
      <c r="AO72" s="1060"/>
      <c r="AP72" s="1060"/>
      <c r="AQ72" s="1060"/>
      <c r="AR72" s="1060"/>
      <c r="AS72" s="1060"/>
      <c r="AT72" s="1060"/>
      <c r="AU72" s="1060"/>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94</v>
      </c>
      <c r="B88" s="1033" t="s">
        <v>436</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c r="AG88" s="1048"/>
      <c r="AH88" s="1048"/>
      <c r="AI88" s="1048"/>
      <c r="AJ88" s="1048"/>
      <c r="AK88" s="1052"/>
      <c r="AL88" s="1052"/>
      <c r="AM88" s="1052"/>
      <c r="AN88" s="1052"/>
      <c r="AO88" s="1052"/>
      <c r="AP88" s="1048"/>
      <c r="AQ88" s="1048"/>
      <c r="AR88" s="1048"/>
      <c r="AS88" s="1048"/>
      <c r="AT88" s="1048"/>
      <c r="AU88" s="1048"/>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94</v>
      </c>
      <c r="BR102" s="1033" t="s">
        <v>437</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c r="CS102" s="1040"/>
      <c r="CT102" s="1040"/>
      <c r="CU102" s="1040"/>
      <c r="CV102" s="1041"/>
      <c r="CW102" s="1039"/>
      <c r="CX102" s="1040"/>
      <c r="CY102" s="1040"/>
      <c r="CZ102" s="1040"/>
      <c r="DA102" s="1041"/>
      <c r="DB102" s="1039"/>
      <c r="DC102" s="1040"/>
      <c r="DD102" s="1040"/>
      <c r="DE102" s="1040"/>
      <c r="DF102" s="1041"/>
      <c r="DG102" s="1039"/>
      <c r="DH102" s="1040"/>
      <c r="DI102" s="1040"/>
      <c r="DJ102" s="1040"/>
      <c r="DK102" s="1041"/>
      <c r="DL102" s="1039"/>
      <c r="DM102" s="1040"/>
      <c r="DN102" s="1040"/>
      <c r="DO102" s="1040"/>
      <c r="DP102" s="1041"/>
      <c r="DQ102" s="1039"/>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38</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39</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40</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41</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42</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43</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44</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45</v>
      </c>
      <c r="AB109" s="983"/>
      <c r="AC109" s="983"/>
      <c r="AD109" s="983"/>
      <c r="AE109" s="984"/>
      <c r="AF109" s="985" t="s">
        <v>304</v>
      </c>
      <c r="AG109" s="983"/>
      <c r="AH109" s="983"/>
      <c r="AI109" s="983"/>
      <c r="AJ109" s="984"/>
      <c r="AK109" s="985" t="s">
        <v>303</v>
      </c>
      <c r="AL109" s="983"/>
      <c r="AM109" s="983"/>
      <c r="AN109" s="983"/>
      <c r="AO109" s="984"/>
      <c r="AP109" s="985" t="s">
        <v>446</v>
      </c>
      <c r="AQ109" s="983"/>
      <c r="AR109" s="983"/>
      <c r="AS109" s="983"/>
      <c r="AT109" s="1014"/>
      <c r="AU109" s="982" t="s">
        <v>444</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45</v>
      </c>
      <c r="BR109" s="983"/>
      <c r="BS109" s="983"/>
      <c r="BT109" s="983"/>
      <c r="BU109" s="984"/>
      <c r="BV109" s="985" t="s">
        <v>304</v>
      </c>
      <c r="BW109" s="983"/>
      <c r="BX109" s="983"/>
      <c r="BY109" s="983"/>
      <c r="BZ109" s="984"/>
      <c r="CA109" s="985" t="s">
        <v>303</v>
      </c>
      <c r="CB109" s="983"/>
      <c r="CC109" s="983"/>
      <c r="CD109" s="983"/>
      <c r="CE109" s="984"/>
      <c r="CF109" s="1021" t="s">
        <v>446</v>
      </c>
      <c r="CG109" s="1021"/>
      <c r="CH109" s="1021"/>
      <c r="CI109" s="1021"/>
      <c r="CJ109" s="1021"/>
      <c r="CK109" s="985" t="s">
        <v>447</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45</v>
      </c>
      <c r="DH109" s="983"/>
      <c r="DI109" s="983"/>
      <c r="DJ109" s="983"/>
      <c r="DK109" s="984"/>
      <c r="DL109" s="985" t="s">
        <v>304</v>
      </c>
      <c r="DM109" s="983"/>
      <c r="DN109" s="983"/>
      <c r="DO109" s="983"/>
      <c r="DP109" s="984"/>
      <c r="DQ109" s="985" t="s">
        <v>303</v>
      </c>
      <c r="DR109" s="983"/>
      <c r="DS109" s="983"/>
      <c r="DT109" s="983"/>
      <c r="DU109" s="984"/>
      <c r="DV109" s="985" t="s">
        <v>446</v>
      </c>
      <c r="DW109" s="983"/>
      <c r="DX109" s="983"/>
      <c r="DY109" s="983"/>
      <c r="DZ109" s="1014"/>
    </row>
    <row r="110" spans="1:131" s="246" customFormat="1" ht="26.25" customHeight="1" x14ac:dyDescent="0.2">
      <c r="A110" s="885" t="s">
        <v>448</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27658567</v>
      </c>
      <c r="AB110" s="976"/>
      <c r="AC110" s="976"/>
      <c r="AD110" s="976"/>
      <c r="AE110" s="977"/>
      <c r="AF110" s="978">
        <v>26573827</v>
      </c>
      <c r="AG110" s="976"/>
      <c r="AH110" s="976"/>
      <c r="AI110" s="976"/>
      <c r="AJ110" s="977"/>
      <c r="AK110" s="978">
        <v>26386160</v>
      </c>
      <c r="AL110" s="976"/>
      <c r="AM110" s="976"/>
      <c r="AN110" s="976"/>
      <c r="AO110" s="977"/>
      <c r="AP110" s="979">
        <v>8.1</v>
      </c>
      <c r="AQ110" s="980"/>
      <c r="AR110" s="980"/>
      <c r="AS110" s="980"/>
      <c r="AT110" s="981"/>
      <c r="AU110" s="1015" t="s">
        <v>73</v>
      </c>
      <c r="AV110" s="1016"/>
      <c r="AW110" s="1016"/>
      <c r="AX110" s="1016"/>
      <c r="AY110" s="1016"/>
      <c r="AZ110" s="941" t="s">
        <v>449</v>
      </c>
      <c r="BA110" s="886"/>
      <c r="BB110" s="886"/>
      <c r="BC110" s="886"/>
      <c r="BD110" s="886"/>
      <c r="BE110" s="886"/>
      <c r="BF110" s="886"/>
      <c r="BG110" s="886"/>
      <c r="BH110" s="886"/>
      <c r="BI110" s="886"/>
      <c r="BJ110" s="886"/>
      <c r="BK110" s="886"/>
      <c r="BL110" s="886"/>
      <c r="BM110" s="886"/>
      <c r="BN110" s="886"/>
      <c r="BO110" s="886"/>
      <c r="BP110" s="887"/>
      <c r="BQ110" s="942">
        <v>1034999720</v>
      </c>
      <c r="BR110" s="923"/>
      <c r="BS110" s="923"/>
      <c r="BT110" s="923"/>
      <c r="BU110" s="923"/>
      <c r="BV110" s="923">
        <v>1053471380</v>
      </c>
      <c r="BW110" s="923"/>
      <c r="BX110" s="923"/>
      <c r="BY110" s="923"/>
      <c r="BZ110" s="923"/>
      <c r="CA110" s="923">
        <v>1049364435</v>
      </c>
      <c r="CB110" s="923"/>
      <c r="CC110" s="923"/>
      <c r="CD110" s="923"/>
      <c r="CE110" s="923"/>
      <c r="CF110" s="947">
        <v>320.3</v>
      </c>
      <c r="CG110" s="948"/>
      <c r="CH110" s="948"/>
      <c r="CI110" s="948"/>
      <c r="CJ110" s="948"/>
      <c r="CK110" s="1011" t="s">
        <v>450</v>
      </c>
      <c r="CL110" s="897"/>
      <c r="CM110" s="972" t="s">
        <v>451</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v>12860609</v>
      </c>
      <c r="DH110" s="923"/>
      <c r="DI110" s="923"/>
      <c r="DJ110" s="923"/>
      <c r="DK110" s="923"/>
      <c r="DL110" s="923">
        <v>9784272</v>
      </c>
      <c r="DM110" s="923"/>
      <c r="DN110" s="923"/>
      <c r="DO110" s="923"/>
      <c r="DP110" s="923"/>
      <c r="DQ110" s="923">
        <v>8946366</v>
      </c>
      <c r="DR110" s="923"/>
      <c r="DS110" s="923"/>
      <c r="DT110" s="923"/>
      <c r="DU110" s="923"/>
      <c r="DV110" s="924">
        <v>2.7</v>
      </c>
      <c r="DW110" s="924"/>
      <c r="DX110" s="924"/>
      <c r="DY110" s="924"/>
      <c r="DZ110" s="925"/>
    </row>
    <row r="111" spans="1:131" s="246" customFormat="1" ht="26.25" customHeight="1" x14ac:dyDescent="0.2">
      <c r="A111" s="852" t="s">
        <v>452</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v>785320</v>
      </c>
      <c r="AB111" s="1004"/>
      <c r="AC111" s="1004"/>
      <c r="AD111" s="1004"/>
      <c r="AE111" s="1005"/>
      <c r="AF111" s="1006">
        <v>831107</v>
      </c>
      <c r="AG111" s="1004"/>
      <c r="AH111" s="1004"/>
      <c r="AI111" s="1004"/>
      <c r="AJ111" s="1005"/>
      <c r="AK111" s="1006">
        <v>3070650</v>
      </c>
      <c r="AL111" s="1004"/>
      <c r="AM111" s="1004"/>
      <c r="AN111" s="1004"/>
      <c r="AO111" s="1005"/>
      <c r="AP111" s="1007">
        <v>0.9</v>
      </c>
      <c r="AQ111" s="1008"/>
      <c r="AR111" s="1008"/>
      <c r="AS111" s="1008"/>
      <c r="AT111" s="1009"/>
      <c r="AU111" s="1017"/>
      <c r="AV111" s="1018"/>
      <c r="AW111" s="1018"/>
      <c r="AX111" s="1018"/>
      <c r="AY111" s="1018"/>
      <c r="AZ111" s="893" t="s">
        <v>453</v>
      </c>
      <c r="BA111" s="828"/>
      <c r="BB111" s="828"/>
      <c r="BC111" s="828"/>
      <c r="BD111" s="828"/>
      <c r="BE111" s="828"/>
      <c r="BF111" s="828"/>
      <c r="BG111" s="828"/>
      <c r="BH111" s="828"/>
      <c r="BI111" s="828"/>
      <c r="BJ111" s="828"/>
      <c r="BK111" s="828"/>
      <c r="BL111" s="828"/>
      <c r="BM111" s="828"/>
      <c r="BN111" s="828"/>
      <c r="BO111" s="828"/>
      <c r="BP111" s="829"/>
      <c r="BQ111" s="894">
        <v>34475480</v>
      </c>
      <c r="BR111" s="895"/>
      <c r="BS111" s="895"/>
      <c r="BT111" s="895"/>
      <c r="BU111" s="895"/>
      <c r="BV111" s="895">
        <v>29342609</v>
      </c>
      <c r="BW111" s="895"/>
      <c r="BX111" s="895"/>
      <c r="BY111" s="895"/>
      <c r="BZ111" s="895"/>
      <c r="CA111" s="895">
        <v>26270459</v>
      </c>
      <c r="CB111" s="895"/>
      <c r="CC111" s="895"/>
      <c r="CD111" s="895"/>
      <c r="CE111" s="895"/>
      <c r="CF111" s="956">
        <v>8</v>
      </c>
      <c r="CG111" s="957"/>
      <c r="CH111" s="957"/>
      <c r="CI111" s="957"/>
      <c r="CJ111" s="957"/>
      <c r="CK111" s="1012"/>
      <c r="CL111" s="899"/>
      <c r="CM111" s="902" t="s">
        <v>454</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v>4164184</v>
      </c>
      <c r="DH111" s="895"/>
      <c r="DI111" s="895"/>
      <c r="DJ111" s="895"/>
      <c r="DK111" s="895"/>
      <c r="DL111" s="895">
        <v>3779953</v>
      </c>
      <c r="DM111" s="895"/>
      <c r="DN111" s="895"/>
      <c r="DO111" s="895"/>
      <c r="DP111" s="895"/>
      <c r="DQ111" s="895">
        <v>3389083</v>
      </c>
      <c r="DR111" s="895"/>
      <c r="DS111" s="895"/>
      <c r="DT111" s="895"/>
      <c r="DU111" s="895"/>
      <c r="DV111" s="872">
        <v>1</v>
      </c>
      <c r="DW111" s="872"/>
      <c r="DX111" s="872"/>
      <c r="DY111" s="872"/>
      <c r="DZ111" s="873"/>
    </row>
    <row r="112" spans="1:131" s="246" customFormat="1" ht="26.25" customHeight="1" x14ac:dyDescent="0.2">
      <c r="A112" s="997" t="s">
        <v>455</v>
      </c>
      <c r="B112" s="998"/>
      <c r="C112" s="828" t="s">
        <v>456</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v>40690049</v>
      </c>
      <c r="AB112" s="858"/>
      <c r="AC112" s="858"/>
      <c r="AD112" s="858"/>
      <c r="AE112" s="859"/>
      <c r="AF112" s="860">
        <v>42112349</v>
      </c>
      <c r="AG112" s="858"/>
      <c r="AH112" s="858"/>
      <c r="AI112" s="858"/>
      <c r="AJ112" s="859"/>
      <c r="AK112" s="860">
        <v>43035428</v>
      </c>
      <c r="AL112" s="858"/>
      <c r="AM112" s="858"/>
      <c r="AN112" s="858"/>
      <c r="AO112" s="859"/>
      <c r="AP112" s="905">
        <v>13.1</v>
      </c>
      <c r="AQ112" s="906"/>
      <c r="AR112" s="906"/>
      <c r="AS112" s="906"/>
      <c r="AT112" s="907"/>
      <c r="AU112" s="1017"/>
      <c r="AV112" s="1018"/>
      <c r="AW112" s="1018"/>
      <c r="AX112" s="1018"/>
      <c r="AY112" s="1018"/>
      <c r="AZ112" s="893" t="s">
        <v>457</v>
      </c>
      <c r="BA112" s="828"/>
      <c r="BB112" s="828"/>
      <c r="BC112" s="828"/>
      <c r="BD112" s="828"/>
      <c r="BE112" s="828"/>
      <c r="BF112" s="828"/>
      <c r="BG112" s="828"/>
      <c r="BH112" s="828"/>
      <c r="BI112" s="828"/>
      <c r="BJ112" s="828"/>
      <c r="BK112" s="828"/>
      <c r="BL112" s="828"/>
      <c r="BM112" s="828"/>
      <c r="BN112" s="828"/>
      <c r="BO112" s="828"/>
      <c r="BP112" s="829"/>
      <c r="BQ112" s="894">
        <v>156350938</v>
      </c>
      <c r="BR112" s="895"/>
      <c r="BS112" s="895"/>
      <c r="BT112" s="895"/>
      <c r="BU112" s="895"/>
      <c r="BV112" s="895">
        <v>142357825</v>
      </c>
      <c r="BW112" s="895"/>
      <c r="BX112" s="895"/>
      <c r="BY112" s="895"/>
      <c r="BZ112" s="895"/>
      <c r="CA112" s="895">
        <v>141684113</v>
      </c>
      <c r="CB112" s="895"/>
      <c r="CC112" s="895"/>
      <c r="CD112" s="895"/>
      <c r="CE112" s="895"/>
      <c r="CF112" s="956">
        <v>43.3</v>
      </c>
      <c r="CG112" s="957"/>
      <c r="CH112" s="957"/>
      <c r="CI112" s="957"/>
      <c r="CJ112" s="957"/>
      <c r="CK112" s="1012"/>
      <c r="CL112" s="899"/>
      <c r="CM112" s="902" t="s">
        <v>458</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459</v>
      </c>
      <c r="DH112" s="895"/>
      <c r="DI112" s="895"/>
      <c r="DJ112" s="895"/>
      <c r="DK112" s="895"/>
      <c r="DL112" s="895" t="s">
        <v>460</v>
      </c>
      <c r="DM112" s="895"/>
      <c r="DN112" s="895"/>
      <c r="DO112" s="895"/>
      <c r="DP112" s="895"/>
      <c r="DQ112" s="895" t="s">
        <v>420</v>
      </c>
      <c r="DR112" s="895"/>
      <c r="DS112" s="895"/>
      <c r="DT112" s="895"/>
      <c r="DU112" s="895"/>
      <c r="DV112" s="872" t="s">
        <v>138</v>
      </c>
      <c r="DW112" s="872"/>
      <c r="DX112" s="872"/>
      <c r="DY112" s="872"/>
      <c r="DZ112" s="873"/>
    </row>
    <row r="113" spans="1:130" s="246" customFormat="1" ht="26.25" customHeight="1" x14ac:dyDescent="0.2">
      <c r="A113" s="999"/>
      <c r="B113" s="1000"/>
      <c r="C113" s="828" t="s">
        <v>461</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13621589</v>
      </c>
      <c r="AB113" s="1004"/>
      <c r="AC113" s="1004"/>
      <c r="AD113" s="1004"/>
      <c r="AE113" s="1005"/>
      <c r="AF113" s="1006">
        <v>13191625</v>
      </c>
      <c r="AG113" s="1004"/>
      <c r="AH113" s="1004"/>
      <c r="AI113" s="1004"/>
      <c r="AJ113" s="1005"/>
      <c r="AK113" s="1006">
        <v>12613104</v>
      </c>
      <c r="AL113" s="1004"/>
      <c r="AM113" s="1004"/>
      <c r="AN113" s="1004"/>
      <c r="AO113" s="1005"/>
      <c r="AP113" s="1007">
        <v>3.9</v>
      </c>
      <c r="AQ113" s="1008"/>
      <c r="AR113" s="1008"/>
      <c r="AS113" s="1008"/>
      <c r="AT113" s="1009"/>
      <c r="AU113" s="1017"/>
      <c r="AV113" s="1018"/>
      <c r="AW113" s="1018"/>
      <c r="AX113" s="1018"/>
      <c r="AY113" s="1018"/>
      <c r="AZ113" s="893" t="s">
        <v>462</v>
      </c>
      <c r="BA113" s="828"/>
      <c r="BB113" s="828"/>
      <c r="BC113" s="828"/>
      <c r="BD113" s="828"/>
      <c r="BE113" s="828"/>
      <c r="BF113" s="828"/>
      <c r="BG113" s="828"/>
      <c r="BH113" s="828"/>
      <c r="BI113" s="828"/>
      <c r="BJ113" s="828"/>
      <c r="BK113" s="828"/>
      <c r="BL113" s="828"/>
      <c r="BM113" s="828"/>
      <c r="BN113" s="828"/>
      <c r="BO113" s="828"/>
      <c r="BP113" s="829"/>
      <c r="BQ113" s="894" t="s">
        <v>138</v>
      </c>
      <c r="BR113" s="895"/>
      <c r="BS113" s="895"/>
      <c r="BT113" s="895"/>
      <c r="BU113" s="895"/>
      <c r="BV113" s="895" t="s">
        <v>463</v>
      </c>
      <c r="BW113" s="895"/>
      <c r="BX113" s="895"/>
      <c r="BY113" s="895"/>
      <c r="BZ113" s="895"/>
      <c r="CA113" s="895" t="s">
        <v>464</v>
      </c>
      <c r="CB113" s="895"/>
      <c r="CC113" s="895"/>
      <c r="CD113" s="895"/>
      <c r="CE113" s="895"/>
      <c r="CF113" s="956" t="s">
        <v>465</v>
      </c>
      <c r="CG113" s="957"/>
      <c r="CH113" s="957"/>
      <c r="CI113" s="957"/>
      <c r="CJ113" s="957"/>
      <c r="CK113" s="1012"/>
      <c r="CL113" s="899"/>
      <c r="CM113" s="902" t="s">
        <v>466</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v>41831</v>
      </c>
      <c r="DH113" s="858"/>
      <c r="DI113" s="858"/>
      <c r="DJ113" s="858"/>
      <c r="DK113" s="859"/>
      <c r="DL113" s="860">
        <v>33464</v>
      </c>
      <c r="DM113" s="858"/>
      <c r="DN113" s="858"/>
      <c r="DO113" s="858"/>
      <c r="DP113" s="859"/>
      <c r="DQ113" s="860">
        <v>25098</v>
      </c>
      <c r="DR113" s="858"/>
      <c r="DS113" s="858"/>
      <c r="DT113" s="858"/>
      <c r="DU113" s="859"/>
      <c r="DV113" s="905">
        <v>0</v>
      </c>
      <c r="DW113" s="906"/>
      <c r="DX113" s="906"/>
      <c r="DY113" s="906"/>
      <c r="DZ113" s="907"/>
    </row>
    <row r="114" spans="1:130" s="246" customFormat="1" ht="26.25" customHeight="1" x14ac:dyDescent="0.2">
      <c r="A114" s="999"/>
      <c r="B114" s="1000"/>
      <c r="C114" s="828" t="s">
        <v>467</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468</v>
      </c>
      <c r="AB114" s="858"/>
      <c r="AC114" s="858"/>
      <c r="AD114" s="858"/>
      <c r="AE114" s="859"/>
      <c r="AF114" s="860" t="s">
        <v>420</v>
      </c>
      <c r="AG114" s="858"/>
      <c r="AH114" s="858"/>
      <c r="AI114" s="858"/>
      <c r="AJ114" s="859"/>
      <c r="AK114" s="860" t="s">
        <v>464</v>
      </c>
      <c r="AL114" s="858"/>
      <c r="AM114" s="858"/>
      <c r="AN114" s="858"/>
      <c r="AO114" s="859"/>
      <c r="AP114" s="905" t="s">
        <v>460</v>
      </c>
      <c r="AQ114" s="906"/>
      <c r="AR114" s="906"/>
      <c r="AS114" s="906"/>
      <c r="AT114" s="907"/>
      <c r="AU114" s="1017"/>
      <c r="AV114" s="1018"/>
      <c r="AW114" s="1018"/>
      <c r="AX114" s="1018"/>
      <c r="AY114" s="1018"/>
      <c r="AZ114" s="893" t="s">
        <v>469</v>
      </c>
      <c r="BA114" s="828"/>
      <c r="BB114" s="828"/>
      <c r="BC114" s="828"/>
      <c r="BD114" s="828"/>
      <c r="BE114" s="828"/>
      <c r="BF114" s="828"/>
      <c r="BG114" s="828"/>
      <c r="BH114" s="828"/>
      <c r="BI114" s="828"/>
      <c r="BJ114" s="828"/>
      <c r="BK114" s="828"/>
      <c r="BL114" s="828"/>
      <c r="BM114" s="828"/>
      <c r="BN114" s="828"/>
      <c r="BO114" s="828"/>
      <c r="BP114" s="829"/>
      <c r="BQ114" s="894">
        <v>73234247</v>
      </c>
      <c r="BR114" s="895"/>
      <c r="BS114" s="895"/>
      <c r="BT114" s="895"/>
      <c r="BU114" s="895"/>
      <c r="BV114" s="895">
        <v>105548468</v>
      </c>
      <c r="BW114" s="895"/>
      <c r="BX114" s="895"/>
      <c r="BY114" s="895"/>
      <c r="BZ114" s="895"/>
      <c r="CA114" s="895">
        <v>101659870</v>
      </c>
      <c r="CB114" s="895"/>
      <c r="CC114" s="895"/>
      <c r="CD114" s="895"/>
      <c r="CE114" s="895"/>
      <c r="CF114" s="956">
        <v>31</v>
      </c>
      <c r="CG114" s="957"/>
      <c r="CH114" s="957"/>
      <c r="CI114" s="957"/>
      <c r="CJ114" s="957"/>
      <c r="CK114" s="1012"/>
      <c r="CL114" s="899"/>
      <c r="CM114" s="902" t="s">
        <v>470</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471</v>
      </c>
      <c r="DH114" s="858"/>
      <c r="DI114" s="858"/>
      <c r="DJ114" s="858"/>
      <c r="DK114" s="859"/>
      <c r="DL114" s="860" t="s">
        <v>471</v>
      </c>
      <c r="DM114" s="858"/>
      <c r="DN114" s="858"/>
      <c r="DO114" s="858"/>
      <c r="DP114" s="859"/>
      <c r="DQ114" s="860" t="s">
        <v>138</v>
      </c>
      <c r="DR114" s="858"/>
      <c r="DS114" s="858"/>
      <c r="DT114" s="858"/>
      <c r="DU114" s="859"/>
      <c r="DV114" s="905" t="s">
        <v>464</v>
      </c>
      <c r="DW114" s="906"/>
      <c r="DX114" s="906"/>
      <c r="DY114" s="906"/>
      <c r="DZ114" s="907"/>
    </row>
    <row r="115" spans="1:130" s="246" customFormat="1" ht="26.25" customHeight="1" x14ac:dyDescent="0.2">
      <c r="A115" s="999"/>
      <c r="B115" s="1000"/>
      <c r="C115" s="828" t="s">
        <v>472</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1175284</v>
      </c>
      <c r="AB115" s="1004"/>
      <c r="AC115" s="1004"/>
      <c r="AD115" s="1004"/>
      <c r="AE115" s="1005"/>
      <c r="AF115" s="1006">
        <v>1123514</v>
      </c>
      <c r="AG115" s="1004"/>
      <c r="AH115" s="1004"/>
      <c r="AI115" s="1004"/>
      <c r="AJ115" s="1005"/>
      <c r="AK115" s="1006">
        <v>1778986</v>
      </c>
      <c r="AL115" s="1004"/>
      <c r="AM115" s="1004"/>
      <c r="AN115" s="1004"/>
      <c r="AO115" s="1005"/>
      <c r="AP115" s="1007">
        <v>0.5</v>
      </c>
      <c r="AQ115" s="1008"/>
      <c r="AR115" s="1008"/>
      <c r="AS115" s="1008"/>
      <c r="AT115" s="1009"/>
      <c r="AU115" s="1017"/>
      <c r="AV115" s="1018"/>
      <c r="AW115" s="1018"/>
      <c r="AX115" s="1018"/>
      <c r="AY115" s="1018"/>
      <c r="AZ115" s="893" t="s">
        <v>473</v>
      </c>
      <c r="BA115" s="828"/>
      <c r="BB115" s="828"/>
      <c r="BC115" s="828"/>
      <c r="BD115" s="828"/>
      <c r="BE115" s="828"/>
      <c r="BF115" s="828"/>
      <c r="BG115" s="828"/>
      <c r="BH115" s="828"/>
      <c r="BI115" s="828"/>
      <c r="BJ115" s="828"/>
      <c r="BK115" s="828"/>
      <c r="BL115" s="828"/>
      <c r="BM115" s="828"/>
      <c r="BN115" s="828"/>
      <c r="BO115" s="828"/>
      <c r="BP115" s="829"/>
      <c r="BQ115" s="894">
        <v>262496</v>
      </c>
      <c r="BR115" s="895"/>
      <c r="BS115" s="895"/>
      <c r="BT115" s="895"/>
      <c r="BU115" s="895"/>
      <c r="BV115" s="895">
        <v>130127</v>
      </c>
      <c r="BW115" s="895"/>
      <c r="BX115" s="895"/>
      <c r="BY115" s="895"/>
      <c r="BZ115" s="895"/>
      <c r="CA115" s="895">
        <v>93006</v>
      </c>
      <c r="CB115" s="895"/>
      <c r="CC115" s="895"/>
      <c r="CD115" s="895"/>
      <c r="CE115" s="895"/>
      <c r="CF115" s="956">
        <v>0</v>
      </c>
      <c r="CG115" s="957"/>
      <c r="CH115" s="957"/>
      <c r="CI115" s="957"/>
      <c r="CJ115" s="957"/>
      <c r="CK115" s="1012"/>
      <c r="CL115" s="899"/>
      <c r="CM115" s="893" t="s">
        <v>474</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v>12097295</v>
      </c>
      <c r="DH115" s="858"/>
      <c r="DI115" s="858"/>
      <c r="DJ115" s="858"/>
      <c r="DK115" s="859"/>
      <c r="DL115" s="860">
        <v>11048608</v>
      </c>
      <c r="DM115" s="858"/>
      <c r="DN115" s="858"/>
      <c r="DO115" s="858"/>
      <c r="DP115" s="859"/>
      <c r="DQ115" s="860">
        <v>9512099</v>
      </c>
      <c r="DR115" s="858"/>
      <c r="DS115" s="858"/>
      <c r="DT115" s="858"/>
      <c r="DU115" s="859"/>
      <c r="DV115" s="905">
        <v>2.9</v>
      </c>
      <c r="DW115" s="906"/>
      <c r="DX115" s="906"/>
      <c r="DY115" s="906"/>
      <c r="DZ115" s="907"/>
    </row>
    <row r="116" spans="1:130" s="246" customFormat="1" ht="26.25" customHeight="1" x14ac:dyDescent="0.2">
      <c r="A116" s="1001"/>
      <c r="B116" s="1002"/>
      <c r="C116" s="961" t="s">
        <v>475</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471</v>
      </c>
      <c r="AB116" s="858"/>
      <c r="AC116" s="858"/>
      <c r="AD116" s="858"/>
      <c r="AE116" s="859"/>
      <c r="AF116" s="860" t="s">
        <v>471</v>
      </c>
      <c r="AG116" s="858"/>
      <c r="AH116" s="858"/>
      <c r="AI116" s="858"/>
      <c r="AJ116" s="859"/>
      <c r="AK116" s="860" t="s">
        <v>471</v>
      </c>
      <c r="AL116" s="858"/>
      <c r="AM116" s="858"/>
      <c r="AN116" s="858"/>
      <c r="AO116" s="859"/>
      <c r="AP116" s="905" t="s">
        <v>138</v>
      </c>
      <c r="AQ116" s="906"/>
      <c r="AR116" s="906"/>
      <c r="AS116" s="906"/>
      <c r="AT116" s="907"/>
      <c r="AU116" s="1017"/>
      <c r="AV116" s="1018"/>
      <c r="AW116" s="1018"/>
      <c r="AX116" s="1018"/>
      <c r="AY116" s="1018"/>
      <c r="AZ116" s="944" t="s">
        <v>476</v>
      </c>
      <c r="BA116" s="945"/>
      <c r="BB116" s="945"/>
      <c r="BC116" s="945"/>
      <c r="BD116" s="945"/>
      <c r="BE116" s="945"/>
      <c r="BF116" s="945"/>
      <c r="BG116" s="945"/>
      <c r="BH116" s="945"/>
      <c r="BI116" s="945"/>
      <c r="BJ116" s="945"/>
      <c r="BK116" s="945"/>
      <c r="BL116" s="945"/>
      <c r="BM116" s="945"/>
      <c r="BN116" s="945"/>
      <c r="BO116" s="945"/>
      <c r="BP116" s="946"/>
      <c r="BQ116" s="894" t="s">
        <v>420</v>
      </c>
      <c r="BR116" s="895"/>
      <c r="BS116" s="895"/>
      <c r="BT116" s="895"/>
      <c r="BU116" s="895"/>
      <c r="BV116" s="895" t="s">
        <v>465</v>
      </c>
      <c r="BW116" s="895"/>
      <c r="BX116" s="895"/>
      <c r="BY116" s="895"/>
      <c r="BZ116" s="895"/>
      <c r="CA116" s="895" t="s">
        <v>420</v>
      </c>
      <c r="CB116" s="895"/>
      <c r="CC116" s="895"/>
      <c r="CD116" s="895"/>
      <c r="CE116" s="895"/>
      <c r="CF116" s="956" t="s">
        <v>138</v>
      </c>
      <c r="CG116" s="957"/>
      <c r="CH116" s="957"/>
      <c r="CI116" s="957"/>
      <c r="CJ116" s="957"/>
      <c r="CK116" s="1012"/>
      <c r="CL116" s="899"/>
      <c r="CM116" s="902" t="s">
        <v>477</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v>5311561</v>
      </c>
      <c r="DH116" s="858"/>
      <c r="DI116" s="858"/>
      <c r="DJ116" s="858"/>
      <c r="DK116" s="859"/>
      <c r="DL116" s="860">
        <v>4696312</v>
      </c>
      <c r="DM116" s="858"/>
      <c r="DN116" s="858"/>
      <c r="DO116" s="858"/>
      <c r="DP116" s="859"/>
      <c r="DQ116" s="860">
        <v>4397813</v>
      </c>
      <c r="DR116" s="858"/>
      <c r="DS116" s="858"/>
      <c r="DT116" s="858"/>
      <c r="DU116" s="859"/>
      <c r="DV116" s="905">
        <v>1.3</v>
      </c>
      <c r="DW116" s="906"/>
      <c r="DX116" s="906"/>
      <c r="DY116" s="906"/>
      <c r="DZ116" s="907"/>
    </row>
    <row r="117" spans="1:130" s="246" customFormat="1" ht="26.25" customHeight="1" x14ac:dyDescent="0.2">
      <c r="A117" s="982" t="s">
        <v>187</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78</v>
      </c>
      <c r="Z117" s="984"/>
      <c r="AA117" s="989">
        <v>83930809</v>
      </c>
      <c r="AB117" s="990"/>
      <c r="AC117" s="990"/>
      <c r="AD117" s="990"/>
      <c r="AE117" s="991"/>
      <c r="AF117" s="992">
        <v>83832422</v>
      </c>
      <c r="AG117" s="990"/>
      <c r="AH117" s="990"/>
      <c r="AI117" s="990"/>
      <c r="AJ117" s="991"/>
      <c r="AK117" s="992">
        <v>86884328</v>
      </c>
      <c r="AL117" s="990"/>
      <c r="AM117" s="990"/>
      <c r="AN117" s="990"/>
      <c r="AO117" s="991"/>
      <c r="AP117" s="993"/>
      <c r="AQ117" s="994"/>
      <c r="AR117" s="994"/>
      <c r="AS117" s="994"/>
      <c r="AT117" s="995"/>
      <c r="AU117" s="1017"/>
      <c r="AV117" s="1018"/>
      <c r="AW117" s="1018"/>
      <c r="AX117" s="1018"/>
      <c r="AY117" s="1018"/>
      <c r="AZ117" s="944" t="s">
        <v>479</v>
      </c>
      <c r="BA117" s="945"/>
      <c r="BB117" s="945"/>
      <c r="BC117" s="945"/>
      <c r="BD117" s="945"/>
      <c r="BE117" s="945"/>
      <c r="BF117" s="945"/>
      <c r="BG117" s="945"/>
      <c r="BH117" s="945"/>
      <c r="BI117" s="945"/>
      <c r="BJ117" s="945"/>
      <c r="BK117" s="945"/>
      <c r="BL117" s="945"/>
      <c r="BM117" s="945"/>
      <c r="BN117" s="945"/>
      <c r="BO117" s="945"/>
      <c r="BP117" s="946"/>
      <c r="BQ117" s="894" t="s">
        <v>471</v>
      </c>
      <c r="BR117" s="895"/>
      <c r="BS117" s="895"/>
      <c r="BT117" s="895"/>
      <c r="BU117" s="895"/>
      <c r="BV117" s="895" t="s">
        <v>464</v>
      </c>
      <c r="BW117" s="895"/>
      <c r="BX117" s="895"/>
      <c r="BY117" s="895"/>
      <c r="BZ117" s="895"/>
      <c r="CA117" s="895" t="s">
        <v>471</v>
      </c>
      <c r="CB117" s="895"/>
      <c r="CC117" s="895"/>
      <c r="CD117" s="895"/>
      <c r="CE117" s="895"/>
      <c r="CF117" s="956" t="s">
        <v>460</v>
      </c>
      <c r="CG117" s="957"/>
      <c r="CH117" s="957"/>
      <c r="CI117" s="957"/>
      <c r="CJ117" s="957"/>
      <c r="CK117" s="1012"/>
      <c r="CL117" s="899"/>
      <c r="CM117" s="902" t="s">
        <v>480</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420</v>
      </c>
      <c r="DH117" s="858"/>
      <c r="DI117" s="858"/>
      <c r="DJ117" s="858"/>
      <c r="DK117" s="859"/>
      <c r="DL117" s="860" t="s">
        <v>464</v>
      </c>
      <c r="DM117" s="858"/>
      <c r="DN117" s="858"/>
      <c r="DO117" s="858"/>
      <c r="DP117" s="859"/>
      <c r="DQ117" s="860" t="s">
        <v>465</v>
      </c>
      <c r="DR117" s="858"/>
      <c r="DS117" s="858"/>
      <c r="DT117" s="858"/>
      <c r="DU117" s="859"/>
      <c r="DV117" s="905" t="s">
        <v>464</v>
      </c>
      <c r="DW117" s="906"/>
      <c r="DX117" s="906"/>
      <c r="DY117" s="906"/>
      <c r="DZ117" s="907"/>
    </row>
    <row r="118" spans="1:130" s="246" customFormat="1" ht="26.25" customHeight="1" x14ac:dyDescent="0.2">
      <c r="A118" s="982" t="s">
        <v>447</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45</v>
      </c>
      <c r="AB118" s="983"/>
      <c r="AC118" s="983"/>
      <c r="AD118" s="983"/>
      <c r="AE118" s="984"/>
      <c r="AF118" s="985" t="s">
        <v>304</v>
      </c>
      <c r="AG118" s="983"/>
      <c r="AH118" s="983"/>
      <c r="AI118" s="983"/>
      <c r="AJ118" s="984"/>
      <c r="AK118" s="985" t="s">
        <v>303</v>
      </c>
      <c r="AL118" s="983"/>
      <c r="AM118" s="983"/>
      <c r="AN118" s="983"/>
      <c r="AO118" s="984"/>
      <c r="AP118" s="986" t="s">
        <v>446</v>
      </c>
      <c r="AQ118" s="987"/>
      <c r="AR118" s="987"/>
      <c r="AS118" s="987"/>
      <c r="AT118" s="988"/>
      <c r="AU118" s="1017"/>
      <c r="AV118" s="1018"/>
      <c r="AW118" s="1018"/>
      <c r="AX118" s="1018"/>
      <c r="AY118" s="1018"/>
      <c r="AZ118" s="960" t="s">
        <v>481</v>
      </c>
      <c r="BA118" s="961"/>
      <c r="BB118" s="961"/>
      <c r="BC118" s="961"/>
      <c r="BD118" s="961"/>
      <c r="BE118" s="961"/>
      <c r="BF118" s="961"/>
      <c r="BG118" s="961"/>
      <c r="BH118" s="961"/>
      <c r="BI118" s="961"/>
      <c r="BJ118" s="961"/>
      <c r="BK118" s="961"/>
      <c r="BL118" s="961"/>
      <c r="BM118" s="961"/>
      <c r="BN118" s="961"/>
      <c r="BO118" s="961"/>
      <c r="BP118" s="962"/>
      <c r="BQ118" s="963" t="s">
        <v>465</v>
      </c>
      <c r="BR118" s="926"/>
      <c r="BS118" s="926"/>
      <c r="BT118" s="926"/>
      <c r="BU118" s="926"/>
      <c r="BV118" s="926" t="s">
        <v>464</v>
      </c>
      <c r="BW118" s="926"/>
      <c r="BX118" s="926"/>
      <c r="BY118" s="926"/>
      <c r="BZ118" s="926"/>
      <c r="CA118" s="926" t="s">
        <v>463</v>
      </c>
      <c r="CB118" s="926"/>
      <c r="CC118" s="926"/>
      <c r="CD118" s="926"/>
      <c r="CE118" s="926"/>
      <c r="CF118" s="956" t="s">
        <v>420</v>
      </c>
      <c r="CG118" s="957"/>
      <c r="CH118" s="957"/>
      <c r="CI118" s="957"/>
      <c r="CJ118" s="957"/>
      <c r="CK118" s="1012"/>
      <c r="CL118" s="899"/>
      <c r="CM118" s="902" t="s">
        <v>482</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459</v>
      </c>
      <c r="DH118" s="858"/>
      <c r="DI118" s="858"/>
      <c r="DJ118" s="858"/>
      <c r="DK118" s="859"/>
      <c r="DL118" s="860" t="s">
        <v>459</v>
      </c>
      <c r="DM118" s="858"/>
      <c r="DN118" s="858"/>
      <c r="DO118" s="858"/>
      <c r="DP118" s="859"/>
      <c r="DQ118" s="860" t="s">
        <v>420</v>
      </c>
      <c r="DR118" s="858"/>
      <c r="DS118" s="858"/>
      <c r="DT118" s="858"/>
      <c r="DU118" s="859"/>
      <c r="DV118" s="905" t="s">
        <v>138</v>
      </c>
      <c r="DW118" s="906"/>
      <c r="DX118" s="906"/>
      <c r="DY118" s="906"/>
      <c r="DZ118" s="907"/>
    </row>
    <row r="119" spans="1:130" s="246" customFormat="1" ht="26.25" customHeight="1" x14ac:dyDescent="0.2">
      <c r="A119" s="896" t="s">
        <v>450</v>
      </c>
      <c r="B119" s="897"/>
      <c r="C119" s="972" t="s">
        <v>451</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v>317147</v>
      </c>
      <c r="AB119" s="976"/>
      <c r="AC119" s="976"/>
      <c r="AD119" s="976"/>
      <c r="AE119" s="977"/>
      <c r="AF119" s="978">
        <v>183479</v>
      </c>
      <c r="AG119" s="976"/>
      <c r="AH119" s="976"/>
      <c r="AI119" s="976"/>
      <c r="AJ119" s="977"/>
      <c r="AK119" s="978">
        <v>831177</v>
      </c>
      <c r="AL119" s="976"/>
      <c r="AM119" s="976"/>
      <c r="AN119" s="976"/>
      <c r="AO119" s="977"/>
      <c r="AP119" s="979">
        <v>0.3</v>
      </c>
      <c r="AQ119" s="980"/>
      <c r="AR119" s="980"/>
      <c r="AS119" s="980"/>
      <c r="AT119" s="981"/>
      <c r="AU119" s="1019"/>
      <c r="AV119" s="1020"/>
      <c r="AW119" s="1020"/>
      <c r="AX119" s="1020"/>
      <c r="AY119" s="1020"/>
      <c r="AZ119" s="277" t="s">
        <v>187</v>
      </c>
      <c r="BA119" s="277"/>
      <c r="BB119" s="277"/>
      <c r="BC119" s="277"/>
      <c r="BD119" s="277"/>
      <c r="BE119" s="277"/>
      <c r="BF119" s="277"/>
      <c r="BG119" s="277"/>
      <c r="BH119" s="277"/>
      <c r="BI119" s="277"/>
      <c r="BJ119" s="277"/>
      <c r="BK119" s="277"/>
      <c r="BL119" s="277"/>
      <c r="BM119" s="277"/>
      <c r="BN119" s="277"/>
      <c r="BO119" s="958" t="s">
        <v>483</v>
      </c>
      <c r="BP119" s="959"/>
      <c r="BQ119" s="963">
        <v>1299322881</v>
      </c>
      <c r="BR119" s="926"/>
      <c r="BS119" s="926"/>
      <c r="BT119" s="926"/>
      <c r="BU119" s="926"/>
      <c r="BV119" s="926">
        <v>1330850409</v>
      </c>
      <c r="BW119" s="926"/>
      <c r="BX119" s="926"/>
      <c r="BY119" s="926"/>
      <c r="BZ119" s="926"/>
      <c r="CA119" s="926">
        <v>1319071883</v>
      </c>
      <c r="CB119" s="926"/>
      <c r="CC119" s="926"/>
      <c r="CD119" s="926"/>
      <c r="CE119" s="926"/>
      <c r="CF119" s="824"/>
      <c r="CG119" s="825"/>
      <c r="CH119" s="825"/>
      <c r="CI119" s="825"/>
      <c r="CJ119" s="915"/>
      <c r="CK119" s="1013"/>
      <c r="CL119" s="901"/>
      <c r="CM119" s="919" t="s">
        <v>484</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t="s">
        <v>459</v>
      </c>
      <c r="DH119" s="841"/>
      <c r="DI119" s="841"/>
      <c r="DJ119" s="841"/>
      <c r="DK119" s="842"/>
      <c r="DL119" s="843" t="s">
        <v>459</v>
      </c>
      <c r="DM119" s="841"/>
      <c r="DN119" s="841"/>
      <c r="DO119" s="841"/>
      <c r="DP119" s="842"/>
      <c r="DQ119" s="843" t="s">
        <v>463</v>
      </c>
      <c r="DR119" s="841"/>
      <c r="DS119" s="841"/>
      <c r="DT119" s="841"/>
      <c r="DU119" s="842"/>
      <c r="DV119" s="929" t="s">
        <v>460</v>
      </c>
      <c r="DW119" s="930"/>
      <c r="DX119" s="930"/>
      <c r="DY119" s="930"/>
      <c r="DZ119" s="931"/>
    </row>
    <row r="120" spans="1:130" s="246" customFormat="1" ht="26.25" customHeight="1" x14ac:dyDescent="0.2">
      <c r="A120" s="898"/>
      <c r="B120" s="899"/>
      <c r="C120" s="902" t="s">
        <v>454</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v>278347</v>
      </c>
      <c r="AB120" s="858"/>
      <c r="AC120" s="858"/>
      <c r="AD120" s="858"/>
      <c r="AE120" s="859"/>
      <c r="AF120" s="860">
        <v>278243</v>
      </c>
      <c r="AG120" s="858"/>
      <c r="AH120" s="858"/>
      <c r="AI120" s="858"/>
      <c r="AJ120" s="859"/>
      <c r="AK120" s="860">
        <v>278140</v>
      </c>
      <c r="AL120" s="858"/>
      <c r="AM120" s="858"/>
      <c r="AN120" s="858"/>
      <c r="AO120" s="859"/>
      <c r="AP120" s="905">
        <v>0.1</v>
      </c>
      <c r="AQ120" s="906"/>
      <c r="AR120" s="906"/>
      <c r="AS120" s="906"/>
      <c r="AT120" s="907"/>
      <c r="AU120" s="964" t="s">
        <v>485</v>
      </c>
      <c r="AV120" s="965"/>
      <c r="AW120" s="965"/>
      <c r="AX120" s="965"/>
      <c r="AY120" s="966"/>
      <c r="AZ120" s="941" t="s">
        <v>486</v>
      </c>
      <c r="BA120" s="886"/>
      <c r="BB120" s="886"/>
      <c r="BC120" s="886"/>
      <c r="BD120" s="886"/>
      <c r="BE120" s="886"/>
      <c r="BF120" s="886"/>
      <c r="BG120" s="886"/>
      <c r="BH120" s="886"/>
      <c r="BI120" s="886"/>
      <c r="BJ120" s="886"/>
      <c r="BK120" s="886"/>
      <c r="BL120" s="886"/>
      <c r="BM120" s="886"/>
      <c r="BN120" s="886"/>
      <c r="BO120" s="886"/>
      <c r="BP120" s="887"/>
      <c r="BQ120" s="942">
        <v>227690373</v>
      </c>
      <c r="BR120" s="923"/>
      <c r="BS120" s="923"/>
      <c r="BT120" s="923"/>
      <c r="BU120" s="923"/>
      <c r="BV120" s="923">
        <v>234155290</v>
      </c>
      <c r="BW120" s="923"/>
      <c r="BX120" s="923"/>
      <c r="BY120" s="923"/>
      <c r="BZ120" s="923"/>
      <c r="CA120" s="923">
        <v>238845917</v>
      </c>
      <c r="CB120" s="923"/>
      <c r="CC120" s="923"/>
      <c r="CD120" s="923"/>
      <c r="CE120" s="923"/>
      <c r="CF120" s="947">
        <v>72.900000000000006</v>
      </c>
      <c r="CG120" s="948"/>
      <c r="CH120" s="948"/>
      <c r="CI120" s="948"/>
      <c r="CJ120" s="948"/>
      <c r="CK120" s="949" t="s">
        <v>487</v>
      </c>
      <c r="CL120" s="933"/>
      <c r="CM120" s="933"/>
      <c r="CN120" s="933"/>
      <c r="CO120" s="934"/>
      <c r="CP120" s="953" t="s">
        <v>488</v>
      </c>
      <c r="CQ120" s="954"/>
      <c r="CR120" s="954"/>
      <c r="CS120" s="954"/>
      <c r="CT120" s="954"/>
      <c r="CU120" s="954"/>
      <c r="CV120" s="954"/>
      <c r="CW120" s="954"/>
      <c r="CX120" s="954"/>
      <c r="CY120" s="954"/>
      <c r="CZ120" s="954"/>
      <c r="DA120" s="954"/>
      <c r="DB120" s="954"/>
      <c r="DC120" s="954"/>
      <c r="DD120" s="954"/>
      <c r="DE120" s="954"/>
      <c r="DF120" s="955"/>
      <c r="DG120" s="942">
        <v>116191863</v>
      </c>
      <c r="DH120" s="923"/>
      <c r="DI120" s="923"/>
      <c r="DJ120" s="923"/>
      <c r="DK120" s="923"/>
      <c r="DL120" s="923">
        <v>103358088</v>
      </c>
      <c r="DM120" s="923"/>
      <c r="DN120" s="923"/>
      <c r="DO120" s="923"/>
      <c r="DP120" s="923"/>
      <c r="DQ120" s="923">
        <v>103366129</v>
      </c>
      <c r="DR120" s="923"/>
      <c r="DS120" s="923"/>
      <c r="DT120" s="923"/>
      <c r="DU120" s="923"/>
      <c r="DV120" s="924">
        <v>31.6</v>
      </c>
      <c r="DW120" s="924"/>
      <c r="DX120" s="924"/>
      <c r="DY120" s="924"/>
      <c r="DZ120" s="925"/>
    </row>
    <row r="121" spans="1:130" s="246" customFormat="1" ht="26.25" customHeight="1" x14ac:dyDescent="0.2">
      <c r="A121" s="898"/>
      <c r="B121" s="899"/>
      <c r="C121" s="944" t="s">
        <v>489</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v>9343</v>
      </c>
      <c r="AB121" s="858"/>
      <c r="AC121" s="858"/>
      <c r="AD121" s="858"/>
      <c r="AE121" s="859"/>
      <c r="AF121" s="860">
        <v>9173</v>
      </c>
      <c r="AG121" s="858"/>
      <c r="AH121" s="858"/>
      <c r="AI121" s="858"/>
      <c r="AJ121" s="859"/>
      <c r="AK121" s="860">
        <v>9003</v>
      </c>
      <c r="AL121" s="858"/>
      <c r="AM121" s="858"/>
      <c r="AN121" s="858"/>
      <c r="AO121" s="859"/>
      <c r="AP121" s="905">
        <v>0</v>
      </c>
      <c r="AQ121" s="906"/>
      <c r="AR121" s="906"/>
      <c r="AS121" s="906"/>
      <c r="AT121" s="907"/>
      <c r="AU121" s="967"/>
      <c r="AV121" s="968"/>
      <c r="AW121" s="968"/>
      <c r="AX121" s="968"/>
      <c r="AY121" s="969"/>
      <c r="AZ121" s="893" t="s">
        <v>490</v>
      </c>
      <c r="BA121" s="828"/>
      <c r="BB121" s="828"/>
      <c r="BC121" s="828"/>
      <c r="BD121" s="828"/>
      <c r="BE121" s="828"/>
      <c r="BF121" s="828"/>
      <c r="BG121" s="828"/>
      <c r="BH121" s="828"/>
      <c r="BI121" s="828"/>
      <c r="BJ121" s="828"/>
      <c r="BK121" s="828"/>
      <c r="BL121" s="828"/>
      <c r="BM121" s="828"/>
      <c r="BN121" s="828"/>
      <c r="BO121" s="828"/>
      <c r="BP121" s="829"/>
      <c r="BQ121" s="894">
        <v>264584615</v>
      </c>
      <c r="BR121" s="895"/>
      <c r="BS121" s="895"/>
      <c r="BT121" s="895"/>
      <c r="BU121" s="895"/>
      <c r="BV121" s="895">
        <v>250365065</v>
      </c>
      <c r="BW121" s="895"/>
      <c r="BX121" s="895"/>
      <c r="BY121" s="895"/>
      <c r="BZ121" s="895"/>
      <c r="CA121" s="895">
        <v>247957554</v>
      </c>
      <c r="CB121" s="895"/>
      <c r="CC121" s="895"/>
      <c r="CD121" s="895"/>
      <c r="CE121" s="895"/>
      <c r="CF121" s="956">
        <v>75.7</v>
      </c>
      <c r="CG121" s="957"/>
      <c r="CH121" s="957"/>
      <c r="CI121" s="957"/>
      <c r="CJ121" s="957"/>
      <c r="CK121" s="950"/>
      <c r="CL121" s="936"/>
      <c r="CM121" s="936"/>
      <c r="CN121" s="936"/>
      <c r="CO121" s="937"/>
      <c r="CP121" s="916" t="s">
        <v>491</v>
      </c>
      <c r="CQ121" s="917"/>
      <c r="CR121" s="917"/>
      <c r="CS121" s="917"/>
      <c r="CT121" s="917"/>
      <c r="CU121" s="917"/>
      <c r="CV121" s="917"/>
      <c r="CW121" s="917"/>
      <c r="CX121" s="917"/>
      <c r="CY121" s="917"/>
      <c r="CZ121" s="917"/>
      <c r="DA121" s="917"/>
      <c r="DB121" s="917"/>
      <c r="DC121" s="917"/>
      <c r="DD121" s="917"/>
      <c r="DE121" s="917"/>
      <c r="DF121" s="918"/>
      <c r="DG121" s="894">
        <v>35274945</v>
      </c>
      <c r="DH121" s="895"/>
      <c r="DI121" s="895"/>
      <c r="DJ121" s="895"/>
      <c r="DK121" s="895"/>
      <c r="DL121" s="895">
        <v>33824644</v>
      </c>
      <c r="DM121" s="895"/>
      <c r="DN121" s="895"/>
      <c r="DO121" s="895"/>
      <c r="DP121" s="895"/>
      <c r="DQ121" s="895">
        <v>31825893</v>
      </c>
      <c r="DR121" s="895"/>
      <c r="DS121" s="895"/>
      <c r="DT121" s="895"/>
      <c r="DU121" s="895"/>
      <c r="DV121" s="872">
        <v>9.6999999999999993</v>
      </c>
      <c r="DW121" s="872"/>
      <c r="DX121" s="872"/>
      <c r="DY121" s="872"/>
      <c r="DZ121" s="873"/>
    </row>
    <row r="122" spans="1:130" s="246" customFormat="1" ht="26.25" customHeight="1" x14ac:dyDescent="0.2">
      <c r="A122" s="898"/>
      <c r="B122" s="899"/>
      <c r="C122" s="902" t="s">
        <v>470</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460</v>
      </c>
      <c r="AB122" s="858"/>
      <c r="AC122" s="858"/>
      <c r="AD122" s="858"/>
      <c r="AE122" s="859"/>
      <c r="AF122" s="860" t="s">
        <v>464</v>
      </c>
      <c r="AG122" s="858"/>
      <c r="AH122" s="858"/>
      <c r="AI122" s="858"/>
      <c r="AJ122" s="859"/>
      <c r="AK122" s="860" t="s">
        <v>459</v>
      </c>
      <c r="AL122" s="858"/>
      <c r="AM122" s="858"/>
      <c r="AN122" s="858"/>
      <c r="AO122" s="859"/>
      <c r="AP122" s="905" t="s">
        <v>420</v>
      </c>
      <c r="AQ122" s="906"/>
      <c r="AR122" s="906"/>
      <c r="AS122" s="906"/>
      <c r="AT122" s="907"/>
      <c r="AU122" s="967"/>
      <c r="AV122" s="968"/>
      <c r="AW122" s="968"/>
      <c r="AX122" s="968"/>
      <c r="AY122" s="969"/>
      <c r="AZ122" s="960" t="s">
        <v>492</v>
      </c>
      <c r="BA122" s="961"/>
      <c r="BB122" s="961"/>
      <c r="BC122" s="961"/>
      <c r="BD122" s="961"/>
      <c r="BE122" s="961"/>
      <c r="BF122" s="961"/>
      <c r="BG122" s="961"/>
      <c r="BH122" s="961"/>
      <c r="BI122" s="961"/>
      <c r="BJ122" s="961"/>
      <c r="BK122" s="961"/>
      <c r="BL122" s="961"/>
      <c r="BM122" s="961"/>
      <c r="BN122" s="961"/>
      <c r="BO122" s="961"/>
      <c r="BP122" s="962"/>
      <c r="BQ122" s="963">
        <v>485163609</v>
      </c>
      <c r="BR122" s="926"/>
      <c r="BS122" s="926"/>
      <c r="BT122" s="926"/>
      <c r="BU122" s="926"/>
      <c r="BV122" s="926">
        <v>459441654</v>
      </c>
      <c r="BW122" s="926"/>
      <c r="BX122" s="926"/>
      <c r="BY122" s="926"/>
      <c r="BZ122" s="926"/>
      <c r="CA122" s="926">
        <v>437760234</v>
      </c>
      <c r="CB122" s="926"/>
      <c r="CC122" s="926"/>
      <c r="CD122" s="926"/>
      <c r="CE122" s="926"/>
      <c r="CF122" s="927">
        <v>133.6</v>
      </c>
      <c r="CG122" s="928"/>
      <c r="CH122" s="928"/>
      <c r="CI122" s="928"/>
      <c r="CJ122" s="928"/>
      <c r="CK122" s="950"/>
      <c r="CL122" s="936"/>
      <c r="CM122" s="936"/>
      <c r="CN122" s="936"/>
      <c r="CO122" s="937"/>
      <c r="CP122" s="916" t="s">
        <v>493</v>
      </c>
      <c r="CQ122" s="917"/>
      <c r="CR122" s="917"/>
      <c r="CS122" s="917"/>
      <c r="CT122" s="917"/>
      <c r="CU122" s="917"/>
      <c r="CV122" s="917"/>
      <c r="CW122" s="917"/>
      <c r="CX122" s="917"/>
      <c r="CY122" s="917"/>
      <c r="CZ122" s="917"/>
      <c r="DA122" s="917"/>
      <c r="DB122" s="917"/>
      <c r="DC122" s="917"/>
      <c r="DD122" s="917"/>
      <c r="DE122" s="917"/>
      <c r="DF122" s="918"/>
      <c r="DG122" s="894">
        <v>2051550</v>
      </c>
      <c r="DH122" s="895"/>
      <c r="DI122" s="895"/>
      <c r="DJ122" s="895"/>
      <c r="DK122" s="895"/>
      <c r="DL122" s="895">
        <v>2212402</v>
      </c>
      <c r="DM122" s="895"/>
      <c r="DN122" s="895"/>
      <c r="DO122" s="895"/>
      <c r="DP122" s="895"/>
      <c r="DQ122" s="895">
        <v>2516320</v>
      </c>
      <c r="DR122" s="895"/>
      <c r="DS122" s="895"/>
      <c r="DT122" s="895"/>
      <c r="DU122" s="895"/>
      <c r="DV122" s="872">
        <v>0.8</v>
      </c>
      <c r="DW122" s="872"/>
      <c r="DX122" s="872"/>
      <c r="DY122" s="872"/>
      <c r="DZ122" s="873"/>
    </row>
    <row r="123" spans="1:130" s="246" customFormat="1" ht="26.25" customHeight="1" x14ac:dyDescent="0.2">
      <c r="A123" s="898"/>
      <c r="B123" s="899"/>
      <c r="C123" s="902" t="s">
        <v>477</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v>570447</v>
      </c>
      <c r="AB123" s="858"/>
      <c r="AC123" s="858"/>
      <c r="AD123" s="858"/>
      <c r="AE123" s="859"/>
      <c r="AF123" s="860">
        <v>652619</v>
      </c>
      <c r="AG123" s="858"/>
      <c r="AH123" s="858"/>
      <c r="AI123" s="858"/>
      <c r="AJ123" s="859"/>
      <c r="AK123" s="860">
        <v>660666</v>
      </c>
      <c r="AL123" s="858"/>
      <c r="AM123" s="858"/>
      <c r="AN123" s="858"/>
      <c r="AO123" s="859"/>
      <c r="AP123" s="905">
        <v>0.2</v>
      </c>
      <c r="AQ123" s="906"/>
      <c r="AR123" s="906"/>
      <c r="AS123" s="906"/>
      <c r="AT123" s="907"/>
      <c r="AU123" s="970"/>
      <c r="AV123" s="971"/>
      <c r="AW123" s="971"/>
      <c r="AX123" s="971"/>
      <c r="AY123" s="971"/>
      <c r="AZ123" s="277" t="s">
        <v>187</v>
      </c>
      <c r="BA123" s="277"/>
      <c r="BB123" s="277"/>
      <c r="BC123" s="277"/>
      <c r="BD123" s="277"/>
      <c r="BE123" s="277"/>
      <c r="BF123" s="277"/>
      <c r="BG123" s="277"/>
      <c r="BH123" s="277"/>
      <c r="BI123" s="277"/>
      <c r="BJ123" s="277"/>
      <c r="BK123" s="277"/>
      <c r="BL123" s="277"/>
      <c r="BM123" s="277"/>
      <c r="BN123" s="277"/>
      <c r="BO123" s="958" t="s">
        <v>494</v>
      </c>
      <c r="BP123" s="959"/>
      <c r="BQ123" s="913">
        <v>977438597</v>
      </c>
      <c r="BR123" s="914"/>
      <c r="BS123" s="914"/>
      <c r="BT123" s="914"/>
      <c r="BU123" s="914"/>
      <c r="BV123" s="914">
        <v>943962009</v>
      </c>
      <c r="BW123" s="914"/>
      <c r="BX123" s="914"/>
      <c r="BY123" s="914"/>
      <c r="BZ123" s="914"/>
      <c r="CA123" s="914">
        <v>924563705</v>
      </c>
      <c r="CB123" s="914"/>
      <c r="CC123" s="914"/>
      <c r="CD123" s="914"/>
      <c r="CE123" s="914"/>
      <c r="CF123" s="824"/>
      <c r="CG123" s="825"/>
      <c r="CH123" s="825"/>
      <c r="CI123" s="825"/>
      <c r="CJ123" s="915"/>
      <c r="CK123" s="950"/>
      <c r="CL123" s="936"/>
      <c r="CM123" s="936"/>
      <c r="CN123" s="936"/>
      <c r="CO123" s="937"/>
      <c r="CP123" s="916" t="s">
        <v>495</v>
      </c>
      <c r="CQ123" s="917"/>
      <c r="CR123" s="917"/>
      <c r="CS123" s="917"/>
      <c r="CT123" s="917"/>
      <c r="CU123" s="917"/>
      <c r="CV123" s="917"/>
      <c r="CW123" s="917"/>
      <c r="CX123" s="917"/>
      <c r="CY123" s="917"/>
      <c r="CZ123" s="917"/>
      <c r="DA123" s="917"/>
      <c r="DB123" s="917"/>
      <c r="DC123" s="917"/>
      <c r="DD123" s="917"/>
      <c r="DE123" s="917"/>
      <c r="DF123" s="918"/>
      <c r="DG123" s="857">
        <v>1307243</v>
      </c>
      <c r="DH123" s="858"/>
      <c r="DI123" s="858"/>
      <c r="DJ123" s="858"/>
      <c r="DK123" s="859"/>
      <c r="DL123" s="860">
        <v>1423013</v>
      </c>
      <c r="DM123" s="858"/>
      <c r="DN123" s="858"/>
      <c r="DO123" s="858"/>
      <c r="DP123" s="859"/>
      <c r="DQ123" s="860">
        <v>2368213</v>
      </c>
      <c r="DR123" s="858"/>
      <c r="DS123" s="858"/>
      <c r="DT123" s="858"/>
      <c r="DU123" s="859"/>
      <c r="DV123" s="905">
        <v>0.7</v>
      </c>
      <c r="DW123" s="906"/>
      <c r="DX123" s="906"/>
      <c r="DY123" s="906"/>
      <c r="DZ123" s="907"/>
    </row>
    <row r="124" spans="1:130" s="246" customFormat="1" ht="26.25" customHeight="1" thickBot="1" x14ac:dyDescent="0.25">
      <c r="A124" s="898"/>
      <c r="B124" s="899"/>
      <c r="C124" s="902" t="s">
        <v>480</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459</v>
      </c>
      <c r="AB124" s="858"/>
      <c r="AC124" s="858"/>
      <c r="AD124" s="858"/>
      <c r="AE124" s="859"/>
      <c r="AF124" s="860" t="s">
        <v>420</v>
      </c>
      <c r="AG124" s="858"/>
      <c r="AH124" s="858"/>
      <c r="AI124" s="858"/>
      <c r="AJ124" s="859"/>
      <c r="AK124" s="860" t="s">
        <v>459</v>
      </c>
      <c r="AL124" s="858"/>
      <c r="AM124" s="858"/>
      <c r="AN124" s="858"/>
      <c r="AO124" s="859"/>
      <c r="AP124" s="905" t="s">
        <v>463</v>
      </c>
      <c r="AQ124" s="906"/>
      <c r="AR124" s="906"/>
      <c r="AS124" s="906"/>
      <c r="AT124" s="907"/>
      <c r="AU124" s="908" t="s">
        <v>496</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118.3</v>
      </c>
      <c r="BR124" s="912"/>
      <c r="BS124" s="912"/>
      <c r="BT124" s="912"/>
      <c r="BU124" s="912"/>
      <c r="BV124" s="912">
        <v>121.7</v>
      </c>
      <c r="BW124" s="912"/>
      <c r="BX124" s="912"/>
      <c r="BY124" s="912"/>
      <c r="BZ124" s="912"/>
      <c r="CA124" s="912">
        <v>120.4</v>
      </c>
      <c r="CB124" s="912"/>
      <c r="CC124" s="912"/>
      <c r="CD124" s="912"/>
      <c r="CE124" s="912"/>
      <c r="CF124" s="802"/>
      <c r="CG124" s="803"/>
      <c r="CH124" s="803"/>
      <c r="CI124" s="803"/>
      <c r="CJ124" s="943"/>
      <c r="CK124" s="951"/>
      <c r="CL124" s="951"/>
      <c r="CM124" s="951"/>
      <c r="CN124" s="951"/>
      <c r="CO124" s="952"/>
      <c r="CP124" s="916" t="s">
        <v>497</v>
      </c>
      <c r="CQ124" s="917"/>
      <c r="CR124" s="917"/>
      <c r="CS124" s="917"/>
      <c r="CT124" s="917"/>
      <c r="CU124" s="917"/>
      <c r="CV124" s="917"/>
      <c r="CW124" s="917"/>
      <c r="CX124" s="917"/>
      <c r="CY124" s="917"/>
      <c r="CZ124" s="917"/>
      <c r="DA124" s="917"/>
      <c r="DB124" s="917"/>
      <c r="DC124" s="917"/>
      <c r="DD124" s="917"/>
      <c r="DE124" s="917"/>
      <c r="DF124" s="918"/>
      <c r="DG124" s="840">
        <v>1525337</v>
      </c>
      <c r="DH124" s="841"/>
      <c r="DI124" s="841"/>
      <c r="DJ124" s="841"/>
      <c r="DK124" s="842"/>
      <c r="DL124" s="843">
        <v>1539678</v>
      </c>
      <c r="DM124" s="841"/>
      <c r="DN124" s="841"/>
      <c r="DO124" s="841"/>
      <c r="DP124" s="842"/>
      <c r="DQ124" s="843">
        <v>1607558</v>
      </c>
      <c r="DR124" s="841"/>
      <c r="DS124" s="841"/>
      <c r="DT124" s="841"/>
      <c r="DU124" s="842"/>
      <c r="DV124" s="929">
        <v>0.5</v>
      </c>
      <c r="DW124" s="930"/>
      <c r="DX124" s="930"/>
      <c r="DY124" s="930"/>
      <c r="DZ124" s="931"/>
    </row>
    <row r="125" spans="1:130" s="246" customFormat="1" ht="26.25" customHeight="1" x14ac:dyDescent="0.2">
      <c r="A125" s="898"/>
      <c r="B125" s="899"/>
      <c r="C125" s="902" t="s">
        <v>482</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460</v>
      </c>
      <c r="AB125" s="858"/>
      <c r="AC125" s="858"/>
      <c r="AD125" s="858"/>
      <c r="AE125" s="859"/>
      <c r="AF125" s="860" t="s">
        <v>465</v>
      </c>
      <c r="AG125" s="858"/>
      <c r="AH125" s="858"/>
      <c r="AI125" s="858"/>
      <c r="AJ125" s="859"/>
      <c r="AK125" s="860" t="s">
        <v>460</v>
      </c>
      <c r="AL125" s="858"/>
      <c r="AM125" s="858"/>
      <c r="AN125" s="858"/>
      <c r="AO125" s="859"/>
      <c r="AP125" s="905" t="s">
        <v>465</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98</v>
      </c>
      <c r="CL125" s="933"/>
      <c r="CM125" s="933"/>
      <c r="CN125" s="933"/>
      <c r="CO125" s="934"/>
      <c r="CP125" s="941" t="s">
        <v>499</v>
      </c>
      <c r="CQ125" s="886"/>
      <c r="CR125" s="886"/>
      <c r="CS125" s="886"/>
      <c r="CT125" s="886"/>
      <c r="CU125" s="886"/>
      <c r="CV125" s="886"/>
      <c r="CW125" s="886"/>
      <c r="CX125" s="886"/>
      <c r="CY125" s="886"/>
      <c r="CZ125" s="886"/>
      <c r="DA125" s="886"/>
      <c r="DB125" s="886"/>
      <c r="DC125" s="886"/>
      <c r="DD125" s="886"/>
      <c r="DE125" s="886"/>
      <c r="DF125" s="887"/>
      <c r="DG125" s="942" t="s">
        <v>460</v>
      </c>
      <c r="DH125" s="923"/>
      <c r="DI125" s="923"/>
      <c r="DJ125" s="923"/>
      <c r="DK125" s="923"/>
      <c r="DL125" s="923" t="s">
        <v>459</v>
      </c>
      <c r="DM125" s="923"/>
      <c r="DN125" s="923"/>
      <c r="DO125" s="923"/>
      <c r="DP125" s="923"/>
      <c r="DQ125" s="923" t="s">
        <v>460</v>
      </c>
      <c r="DR125" s="923"/>
      <c r="DS125" s="923"/>
      <c r="DT125" s="923"/>
      <c r="DU125" s="923"/>
      <c r="DV125" s="924" t="s">
        <v>465</v>
      </c>
      <c r="DW125" s="924"/>
      <c r="DX125" s="924"/>
      <c r="DY125" s="924"/>
      <c r="DZ125" s="925"/>
    </row>
    <row r="126" spans="1:130" s="246" customFormat="1" ht="26.25" customHeight="1" thickBot="1" x14ac:dyDescent="0.25">
      <c r="A126" s="898"/>
      <c r="B126" s="899"/>
      <c r="C126" s="902" t="s">
        <v>484</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t="s">
        <v>460</v>
      </c>
      <c r="AB126" s="858"/>
      <c r="AC126" s="858"/>
      <c r="AD126" s="858"/>
      <c r="AE126" s="859"/>
      <c r="AF126" s="860" t="s">
        <v>460</v>
      </c>
      <c r="AG126" s="858"/>
      <c r="AH126" s="858"/>
      <c r="AI126" s="858"/>
      <c r="AJ126" s="859"/>
      <c r="AK126" s="860" t="s">
        <v>459</v>
      </c>
      <c r="AL126" s="858"/>
      <c r="AM126" s="858"/>
      <c r="AN126" s="858"/>
      <c r="AO126" s="859"/>
      <c r="AP126" s="905" t="s">
        <v>465</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500</v>
      </c>
      <c r="CQ126" s="828"/>
      <c r="CR126" s="828"/>
      <c r="CS126" s="828"/>
      <c r="CT126" s="828"/>
      <c r="CU126" s="828"/>
      <c r="CV126" s="828"/>
      <c r="CW126" s="828"/>
      <c r="CX126" s="828"/>
      <c r="CY126" s="828"/>
      <c r="CZ126" s="828"/>
      <c r="DA126" s="828"/>
      <c r="DB126" s="828"/>
      <c r="DC126" s="828"/>
      <c r="DD126" s="828"/>
      <c r="DE126" s="828"/>
      <c r="DF126" s="829"/>
      <c r="DG126" s="894" t="s">
        <v>460</v>
      </c>
      <c r="DH126" s="895"/>
      <c r="DI126" s="895"/>
      <c r="DJ126" s="895"/>
      <c r="DK126" s="895"/>
      <c r="DL126" s="895" t="s">
        <v>465</v>
      </c>
      <c r="DM126" s="895"/>
      <c r="DN126" s="895"/>
      <c r="DO126" s="895"/>
      <c r="DP126" s="895"/>
      <c r="DQ126" s="895" t="s">
        <v>459</v>
      </c>
      <c r="DR126" s="895"/>
      <c r="DS126" s="895"/>
      <c r="DT126" s="895"/>
      <c r="DU126" s="895"/>
      <c r="DV126" s="872" t="s">
        <v>465</v>
      </c>
      <c r="DW126" s="872"/>
      <c r="DX126" s="872"/>
      <c r="DY126" s="872"/>
      <c r="DZ126" s="873"/>
    </row>
    <row r="127" spans="1:130" s="246" customFormat="1" ht="26.25" customHeight="1" x14ac:dyDescent="0.2">
      <c r="A127" s="900"/>
      <c r="B127" s="901"/>
      <c r="C127" s="919" t="s">
        <v>501</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465</v>
      </c>
      <c r="AB127" s="858"/>
      <c r="AC127" s="858"/>
      <c r="AD127" s="858"/>
      <c r="AE127" s="859"/>
      <c r="AF127" s="860" t="s">
        <v>460</v>
      </c>
      <c r="AG127" s="858"/>
      <c r="AH127" s="858"/>
      <c r="AI127" s="858"/>
      <c r="AJ127" s="859"/>
      <c r="AK127" s="860" t="s">
        <v>459</v>
      </c>
      <c r="AL127" s="858"/>
      <c r="AM127" s="858"/>
      <c r="AN127" s="858"/>
      <c r="AO127" s="859"/>
      <c r="AP127" s="905" t="s">
        <v>465</v>
      </c>
      <c r="AQ127" s="906"/>
      <c r="AR127" s="906"/>
      <c r="AS127" s="906"/>
      <c r="AT127" s="907"/>
      <c r="AU127" s="282"/>
      <c r="AV127" s="282"/>
      <c r="AW127" s="282"/>
      <c r="AX127" s="922" t="s">
        <v>502</v>
      </c>
      <c r="AY127" s="890"/>
      <c r="AZ127" s="890"/>
      <c r="BA127" s="890"/>
      <c r="BB127" s="890"/>
      <c r="BC127" s="890"/>
      <c r="BD127" s="890"/>
      <c r="BE127" s="891"/>
      <c r="BF127" s="889" t="s">
        <v>503</v>
      </c>
      <c r="BG127" s="890"/>
      <c r="BH127" s="890"/>
      <c r="BI127" s="890"/>
      <c r="BJ127" s="890"/>
      <c r="BK127" s="890"/>
      <c r="BL127" s="891"/>
      <c r="BM127" s="889" t="s">
        <v>504</v>
      </c>
      <c r="BN127" s="890"/>
      <c r="BO127" s="890"/>
      <c r="BP127" s="890"/>
      <c r="BQ127" s="890"/>
      <c r="BR127" s="890"/>
      <c r="BS127" s="891"/>
      <c r="BT127" s="889" t="s">
        <v>505</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506</v>
      </c>
      <c r="CQ127" s="828"/>
      <c r="CR127" s="828"/>
      <c r="CS127" s="828"/>
      <c r="CT127" s="828"/>
      <c r="CU127" s="828"/>
      <c r="CV127" s="828"/>
      <c r="CW127" s="828"/>
      <c r="CX127" s="828"/>
      <c r="CY127" s="828"/>
      <c r="CZ127" s="828"/>
      <c r="DA127" s="828"/>
      <c r="DB127" s="828"/>
      <c r="DC127" s="828"/>
      <c r="DD127" s="828"/>
      <c r="DE127" s="828"/>
      <c r="DF127" s="829"/>
      <c r="DG127" s="894" t="s">
        <v>465</v>
      </c>
      <c r="DH127" s="895"/>
      <c r="DI127" s="895"/>
      <c r="DJ127" s="895"/>
      <c r="DK127" s="895"/>
      <c r="DL127" s="895" t="s">
        <v>459</v>
      </c>
      <c r="DM127" s="895"/>
      <c r="DN127" s="895"/>
      <c r="DO127" s="895"/>
      <c r="DP127" s="895"/>
      <c r="DQ127" s="895" t="s">
        <v>459</v>
      </c>
      <c r="DR127" s="895"/>
      <c r="DS127" s="895"/>
      <c r="DT127" s="895"/>
      <c r="DU127" s="895"/>
      <c r="DV127" s="872" t="s">
        <v>459</v>
      </c>
      <c r="DW127" s="872"/>
      <c r="DX127" s="872"/>
      <c r="DY127" s="872"/>
      <c r="DZ127" s="873"/>
    </row>
    <row r="128" spans="1:130" s="246" customFormat="1" ht="26.25" customHeight="1" thickBot="1" x14ac:dyDescent="0.25">
      <c r="A128" s="874" t="s">
        <v>507</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508</v>
      </c>
      <c r="X128" s="876"/>
      <c r="Y128" s="876"/>
      <c r="Z128" s="877"/>
      <c r="AA128" s="878">
        <v>21474289</v>
      </c>
      <c r="AB128" s="879"/>
      <c r="AC128" s="879"/>
      <c r="AD128" s="879"/>
      <c r="AE128" s="880"/>
      <c r="AF128" s="881">
        <v>20340326</v>
      </c>
      <c r="AG128" s="879"/>
      <c r="AH128" s="879"/>
      <c r="AI128" s="879"/>
      <c r="AJ128" s="880"/>
      <c r="AK128" s="881">
        <v>20090026</v>
      </c>
      <c r="AL128" s="879"/>
      <c r="AM128" s="879"/>
      <c r="AN128" s="879"/>
      <c r="AO128" s="880"/>
      <c r="AP128" s="882"/>
      <c r="AQ128" s="883"/>
      <c r="AR128" s="883"/>
      <c r="AS128" s="883"/>
      <c r="AT128" s="884"/>
      <c r="AU128" s="282"/>
      <c r="AV128" s="282"/>
      <c r="AW128" s="282"/>
      <c r="AX128" s="885" t="s">
        <v>509</v>
      </c>
      <c r="AY128" s="886"/>
      <c r="AZ128" s="886"/>
      <c r="BA128" s="886"/>
      <c r="BB128" s="886"/>
      <c r="BC128" s="886"/>
      <c r="BD128" s="886"/>
      <c r="BE128" s="887"/>
      <c r="BF128" s="864" t="s">
        <v>468</v>
      </c>
      <c r="BG128" s="865"/>
      <c r="BH128" s="865"/>
      <c r="BI128" s="865"/>
      <c r="BJ128" s="865"/>
      <c r="BK128" s="865"/>
      <c r="BL128" s="888"/>
      <c r="BM128" s="864">
        <v>11.25</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510</v>
      </c>
      <c r="CQ128" s="806"/>
      <c r="CR128" s="806"/>
      <c r="CS128" s="806"/>
      <c r="CT128" s="806"/>
      <c r="CU128" s="806"/>
      <c r="CV128" s="806"/>
      <c r="CW128" s="806"/>
      <c r="CX128" s="806"/>
      <c r="CY128" s="806"/>
      <c r="CZ128" s="806"/>
      <c r="DA128" s="806"/>
      <c r="DB128" s="806"/>
      <c r="DC128" s="806"/>
      <c r="DD128" s="806"/>
      <c r="DE128" s="806"/>
      <c r="DF128" s="807"/>
      <c r="DG128" s="868">
        <v>262496</v>
      </c>
      <c r="DH128" s="869"/>
      <c r="DI128" s="869"/>
      <c r="DJ128" s="869"/>
      <c r="DK128" s="869"/>
      <c r="DL128" s="869">
        <v>130127</v>
      </c>
      <c r="DM128" s="869"/>
      <c r="DN128" s="869"/>
      <c r="DO128" s="869"/>
      <c r="DP128" s="869"/>
      <c r="DQ128" s="869">
        <v>93006</v>
      </c>
      <c r="DR128" s="869"/>
      <c r="DS128" s="869"/>
      <c r="DT128" s="869"/>
      <c r="DU128" s="869"/>
      <c r="DV128" s="870">
        <v>0</v>
      </c>
      <c r="DW128" s="870"/>
      <c r="DX128" s="870"/>
      <c r="DY128" s="870"/>
      <c r="DZ128" s="871"/>
    </row>
    <row r="129" spans="1:131" s="246" customFormat="1" ht="26.25" customHeight="1" x14ac:dyDescent="0.2">
      <c r="A129" s="852" t="s">
        <v>108</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511</v>
      </c>
      <c r="X129" s="855"/>
      <c r="Y129" s="855"/>
      <c r="Z129" s="856"/>
      <c r="AA129" s="857">
        <v>313794978</v>
      </c>
      <c r="AB129" s="858"/>
      <c r="AC129" s="858"/>
      <c r="AD129" s="858"/>
      <c r="AE129" s="859"/>
      <c r="AF129" s="860">
        <v>360255112</v>
      </c>
      <c r="AG129" s="858"/>
      <c r="AH129" s="858"/>
      <c r="AI129" s="858"/>
      <c r="AJ129" s="859"/>
      <c r="AK129" s="860">
        <v>368483160</v>
      </c>
      <c r="AL129" s="858"/>
      <c r="AM129" s="858"/>
      <c r="AN129" s="858"/>
      <c r="AO129" s="859"/>
      <c r="AP129" s="861"/>
      <c r="AQ129" s="862"/>
      <c r="AR129" s="862"/>
      <c r="AS129" s="862"/>
      <c r="AT129" s="863"/>
      <c r="AU129" s="284"/>
      <c r="AV129" s="284"/>
      <c r="AW129" s="284"/>
      <c r="AX129" s="827" t="s">
        <v>512</v>
      </c>
      <c r="AY129" s="828"/>
      <c r="AZ129" s="828"/>
      <c r="BA129" s="828"/>
      <c r="BB129" s="828"/>
      <c r="BC129" s="828"/>
      <c r="BD129" s="828"/>
      <c r="BE129" s="829"/>
      <c r="BF129" s="847" t="s">
        <v>468</v>
      </c>
      <c r="BG129" s="848"/>
      <c r="BH129" s="848"/>
      <c r="BI129" s="848"/>
      <c r="BJ129" s="848"/>
      <c r="BK129" s="848"/>
      <c r="BL129" s="849"/>
      <c r="BM129" s="847">
        <v>16.25</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513</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514</v>
      </c>
      <c r="X130" s="855"/>
      <c r="Y130" s="855"/>
      <c r="Z130" s="856"/>
      <c r="AA130" s="857">
        <v>41923351</v>
      </c>
      <c r="AB130" s="858"/>
      <c r="AC130" s="858"/>
      <c r="AD130" s="858"/>
      <c r="AE130" s="859"/>
      <c r="AF130" s="860">
        <v>42381865</v>
      </c>
      <c r="AG130" s="858"/>
      <c r="AH130" s="858"/>
      <c r="AI130" s="858"/>
      <c r="AJ130" s="859"/>
      <c r="AK130" s="860">
        <v>40911194</v>
      </c>
      <c r="AL130" s="858"/>
      <c r="AM130" s="858"/>
      <c r="AN130" s="858"/>
      <c r="AO130" s="859"/>
      <c r="AP130" s="861"/>
      <c r="AQ130" s="862"/>
      <c r="AR130" s="862"/>
      <c r="AS130" s="862"/>
      <c r="AT130" s="863"/>
      <c r="AU130" s="284"/>
      <c r="AV130" s="284"/>
      <c r="AW130" s="284"/>
      <c r="AX130" s="827" t="s">
        <v>515</v>
      </c>
      <c r="AY130" s="828"/>
      <c r="AZ130" s="828"/>
      <c r="BA130" s="828"/>
      <c r="BB130" s="828"/>
      <c r="BC130" s="828"/>
      <c r="BD130" s="828"/>
      <c r="BE130" s="829"/>
      <c r="BF130" s="830">
        <v>7.3</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516</v>
      </c>
      <c r="X131" s="838"/>
      <c r="Y131" s="838"/>
      <c r="Z131" s="839"/>
      <c r="AA131" s="840">
        <v>271871627</v>
      </c>
      <c r="AB131" s="841"/>
      <c r="AC131" s="841"/>
      <c r="AD131" s="841"/>
      <c r="AE131" s="842"/>
      <c r="AF131" s="843">
        <v>317873247</v>
      </c>
      <c r="AG131" s="841"/>
      <c r="AH131" s="841"/>
      <c r="AI131" s="841"/>
      <c r="AJ131" s="842"/>
      <c r="AK131" s="843">
        <v>327571966</v>
      </c>
      <c r="AL131" s="841"/>
      <c r="AM131" s="841"/>
      <c r="AN131" s="841"/>
      <c r="AO131" s="842"/>
      <c r="AP131" s="844"/>
      <c r="AQ131" s="845"/>
      <c r="AR131" s="845"/>
      <c r="AS131" s="845"/>
      <c r="AT131" s="846"/>
      <c r="AU131" s="284"/>
      <c r="AV131" s="284"/>
      <c r="AW131" s="284"/>
      <c r="AX131" s="805" t="s">
        <v>517</v>
      </c>
      <c r="AY131" s="806"/>
      <c r="AZ131" s="806"/>
      <c r="BA131" s="806"/>
      <c r="BB131" s="806"/>
      <c r="BC131" s="806"/>
      <c r="BD131" s="806"/>
      <c r="BE131" s="807"/>
      <c r="BF131" s="808">
        <v>120.4</v>
      </c>
      <c r="BG131" s="809"/>
      <c r="BH131" s="809"/>
      <c r="BI131" s="809"/>
      <c r="BJ131" s="809"/>
      <c r="BK131" s="809"/>
      <c r="BL131" s="810"/>
      <c r="BM131" s="808">
        <v>40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518</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519</v>
      </c>
      <c r="W132" s="818"/>
      <c r="X132" s="818"/>
      <c r="Y132" s="818"/>
      <c r="Z132" s="819"/>
      <c r="AA132" s="820">
        <v>7.5525236769999999</v>
      </c>
      <c r="AB132" s="821"/>
      <c r="AC132" s="821"/>
      <c r="AD132" s="821"/>
      <c r="AE132" s="822"/>
      <c r="AF132" s="823">
        <v>6.6410845199999997</v>
      </c>
      <c r="AG132" s="821"/>
      <c r="AH132" s="821"/>
      <c r="AI132" s="821"/>
      <c r="AJ132" s="822"/>
      <c r="AK132" s="823">
        <v>7.9015027800000004</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520</v>
      </c>
      <c r="W133" s="797"/>
      <c r="X133" s="797"/>
      <c r="Y133" s="797"/>
      <c r="Z133" s="798"/>
      <c r="AA133" s="799">
        <v>7.2</v>
      </c>
      <c r="AB133" s="800"/>
      <c r="AC133" s="800"/>
      <c r="AD133" s="800"/>
      <c r="AE133" s="801"/>
      <c r="AF133" s="799">
        <v>6.9</v>
      </c>
      <c r="AG133" s="800"/>
      <c r="AH133" s="800"/>
      <c r="AI133" s="800"/>
      <c r="AJ133" s="801"/>
      <c r="AK133" s="799">
        <v>7.3</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ZIiSQbsbcjqvof/RwffCIFkIpPXbH60VocKZm9+UQqfIR2xc75Fwsbz1BCn2qmC/j249MIJyjbCnpcWRIyf12w==" saltValue="yHPilD8LfSR/90lnocOPRg=="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21</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NTNLCzQjyzxt9AR3IgAUeCO5B54UU0dp8GXrx6zISOFL7MFzAe+ct4CUpdlAJFVY9KeJhUDtr25z48HDkdTcpw==" saltValue="t4k6CEm+UtrKj4bd+DY7N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1m1J7+8E/NAd9TF0fIiABMxBwjL8G5X5Puh7d9aKoJfF2wtAC0FpCnLJnYnaYpMQzCnH0Bb1eBBibT6Wr+ES0w==" saltValue="0u45WCb51q43oWZsq+R2Q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22</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23</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524</v>
      </c>
      <c r="AP7" s="303"/>
      <c r="AQ7" s="304" t="s">
        <v>525</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526</v>
      </c>
      <c r="AQ8" s="310" t="s">
        <v>527</v>
      </c>
      <c r="AR8" s="311" t="s">
        <v>528</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529</v>
      </c>
      <c r="AL9" s="1227"/>
      <c r="AM9" s="1227"/>
      <c r="AN9" s="1228"/>
      <c r="AO9" s="312">
        <v>146189128</v>
      </c>
      <c r="AP9" s="312">
        <v>97430</v>
      </c>
      <c r="AQ9" s="313">
        <v>103123</v>
      </c>
      <c r="AR9" s="314">
        <v>-5.5</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30</v>
      </c>
      <c r="AL10" s="1227"/>
      <c r="AM10" s="1227"/>
      <c r="AN10" s="1228"/>
      <c r="AO10" s="315">
        <v>499211</v>
      </c>
      <c r="AP10" s="315">
        <v>333</v>
      </c>
      <c r="AQ10" s="316">
        <v>1485</v>
      </c>
      <c r="AR10" s="317">
        <v>-77.599999999999994</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31</v>
      </c>
      <c r="AL11" s="1227"/>
      <c r="AM11" s="1227"/>
      <c r="AN11" s="1228"/>
      <c r="AO11" s="315">
        <v>218</v>
      </c>
      <c r="AP11" s="315">
        <v>0</v>
      </c>
      <c r="AQ11" s="316">
        <v>130</v>
      </c>
      <c r="AR11" s="317">
        <v>-100</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32</v>
      </c>
      <c r="AL12" s="1227"/>
      <c r="AM12" s="1227"/>
      <c r="AN12" s="1228"/>
      <c r="AO12" s="315">
        <v>4635605</v>
      </c>
      <c r="AP12" s="315">
        <v>3089</v>
      </c>
      <c r="AQ12" s="316">
        <v>1206</v>
      </c>
      <c r="AR12" s="317">
        <v>156.1</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33</v>
      </c>
      <c r="AL13" s="1227"/>
      <c r="AM13" s="1227"/>
      <c r="AN13" s="1228"/>
      <c r="AO13" s="315" t="s">
        <v>534</v>
      </c>
      <c r="AP13" s="315" t="s">
        <v>534</v>
      </c>
      <c r="AQ13" s="316">
        <v>5</v>
      </c>
      <c r="AR13" s="317" t="s">
        <v>534</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35</v>
      </c>
      <c r="AL14" s="1227"/>
      <c r="AM14" s="1227"/>
      <c r="AN14" s="1228"/>
      <c r="AO14" s="315">
        <v>1509796</v>
      </c>
      <c r="AP14" s="315">
        <v>1006</v>
      </c>
      <c r="AQ14" s="316">
        <v>1897</v>
      </c>
      <c r="AR14" s="317">
        <v>-47</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36</v>
      </c>
      <c r="AL15" s="1227"/>
      <c r="AM15" s="1227"/>
      <c r="AN15" s="1228"/>
      <c r="AO15" s="315">
        <v>3387317</v>
      </c>
      <c r="AP15" s="315">
        <v>2258</v>
      </c>
      <c r="AQ15" s="316">
        <v>1181</v>
      </c>
      <c r="AR15" s="317">
        <v>91.2</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37</v>
      </c>
      <c r="AL16" s="1230"/>
      <c r="AM16" s="1230"/>
      <c r="AN16" s="1231"/>
      <c r="AO16" s="315">
        <v>-9026492</v>
      </c>
      <c r="AP16" s="315">
        <v>-6016</v>
      </c>
      <c r="AQ16" s="316">
        <v>-7816</v>
      </c>
      <c r="AR16" s="317">
        <v>-23</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7</v>
      </c>
      <c r="AL17" s="1230"/>
      <c r="AM17" s="1230"/>
      <c r="AN17" s="1231"/>
      <c r="AO17" s="315">
        <v>147194783</v>
      </c>
      <c r="AP17" s="315">
        <v>98100</v>
      </c>
      <c r="AQ17" s="316">
        <v>101211</v>
      </c>
      <c r="AR17" s="317">
        <v>-3.1</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38</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39</v>
      </c>
      <c r="AP20" s="323" t="s">
        <v>540</v>
      </c>
      <c r="AQ20" s="324" t="s">
        <v>541</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42</v>
      </c>
      <c r="AL21" s="1224"/>
      <c r="AM21" s="1224"/>
      <c r="AN21" s="1225"/>
      <c r="AO21" s="327">
        <v>10.36</v>
      </c>
      <c r="AP21" s="328">
        <v>10.74</v>
      </c>
      <c r="AQ21" s="329">
        <v>-0.38</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43</v>
      </c>
      <c r="AL22" s="1224"/>
      <c r="AM22" s="1224"/>
      <c r="AN22" s="1225"/>
      <c r="AO22" s="332">
        <v>101.1</v>
      </c>
      <c r="AP22" s="333">
        <v>99.9</v>
      </c>
      <c r="AQ22" s="334">
        <v>1.2</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44</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45</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46</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524</v>
      </c>
      <c r="AP30" s="303"/>
      <c r="AQ30" s="304" t="s">
        <v>525</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526</v>
      </c>
      <c r="AQ31" s="310" t="s">
        <v>527</v>
      </c>
      <c r="AR31" s="311" t="s">
        <v>528</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47</v>
      </c>
      <c r="AL32" s="1215"/>
      <c r="AM32" s="1215"/>
      <c r="AN32" s="1216"/>
      <c r="AO32" s="342">
        <v>26386160</v>
      </c>
      <c r="AP32" s="342">
        <v>17585</v>
      </c>
      <c r="AQ32" s="343">
        <v>32293</v>
      </c>
      <c r="AR32" s="344">
        <v>-45.5</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48</v>
      </c>
      <c r="AL33" s="1215"/>
      <c r="AM33" s="1215"/>
      <c r="AN33" s="1216"/>
      <c r="AO33" s="342">
        <v>3070650</v>
      </c>
      <c r="AP33" s="342">
        <v>2046</v>
      </c>
      <c r="AQ33" s="343">
        <v>2903</v>
      </c>
      <c r="AR33" s="344">
        <v>-29.5</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49</v>
      </c>
      <c r="AL34" s="1215"/>
      <c r="AM34" s="1215"/>
      <c r="AN34" s="1216"/>
      <c r="AO34" s="342">
        <v>43035428</v>
      </c>
      <c r="AP34" s="342">
        <v>28681</v>
      </c>
      <c r="AQ34" s="343">
        <v>20757</v>
      </c>
      <c r="AR34" s="344">
        <v>38.200000000000003</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50</v>
      </c>
      <c r="AL35" s="1215"/>
      <c r="AM35" s="1215"/>
      <c r="AN35" s="1216"/>
      <c r="AO35" s="342">
        <v>12613104</v>
      </c>
      <c r="AP35" s="342">
        <v>8406</v>
      </c>
      <c r="AQ35" s="343">
        <v>11103</v>
      </c>
      <c r="AR35" s="344">
        <v>-24.3</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51</v>
      </c>
      <c r="AL36" s="1215"/>
      <c r="AM36" s="1215"/>
      <c r="AN36" s="1216"/>
      <c r="AO36" s="342" t="s">
        <v>534</v>
      </c>
      <c r="AP36" s="342" t="s">
        <v>534</v>
      </c>
      <c r="AQ36" s="343">
        <v>186</v>
      </c>
      <c r="AR36" s="344" t="s">
        <v>534</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52</v>
      </c>
      <c r="AL37" s="1215"/>
      <c r="AM37" s="1215"/>
      <c r="AN37" s="1216"/>
      <c r="AO37" s="342">
        <v>1778986</v>
      </c>
      <c r="AP37" s="342">
        <v>1186</v>
      </c>
      <c r="AQ37" s="343">
        <v>1195</v>
      </c>
      <c r="AR37" s="344">
        <v>-0.8</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53</v>
      </c>
      <c r="AL38" s="1218"/>
      <c r="AM38" s="1218"/>
      <c r="AN38" s="1219"/>
      <c r="AO38" s="345" t="s">
        <v>534</v>
      </c>
      <c r="AP38" s="345" t="s">
        <v>534</v>
      </c>
      <c r="AQ38" s="346">
        <v>0</v>
      </c>
      <c r="AR38" s="334" t="s">
        <v>534</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54</v>
      </c>
      <c r="AL39" s="1218"/>
      <c r="AM39" s="1218"/>
      <c r="AN39" s="1219"/>
      <c r="AO39" s="342">
        <v>-20090026</v>
      </c>
      <c r="AP39" s="342">
        <v>-13389</v>
      </c>
      <c r="AQ39" s="343">
        <v>-17395</v>
      </c>
      <c r="AR39" s="344">
        <v>-23</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55</v>
      </c>
      <c r="AL40" s="1215"/>
      <c r="AM40" s="1215"/>
      <c r="AN40" s="1216"/>
      <c r="AO40" s="342">
        <v>-40911194</v>
      </c>
      <c r="AP40" s="342">
        <v>-27266</v>
      </c>
      <c r="AQ40" s="343">
        <v>-33490</v>
      </c>
      <c r="AR40" s="344">
        <v>-18.600000000000001</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298</v>
      </c>
      <c r="AL41" s="1221"/>
      <c r="AM41" s="1221"/>
      <c r="AN41" s="1222"/>
      <c r="AO41" s="342">
        <v>25883108</v>
      </c>
      <c r="AP41" s="342">
        <v>17250</v>
      </c>
      <c r="AQ41" s="343">
        <v>17551</v>
      </c>
      <c r="AR41" s="344">
        <v>-1.7</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56</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57</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58</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524</v>
      </c>
      <c r="AN49" s="1209" t="s">
        <v>559</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60</v>
      </c>
      <c r="AO50" s="359" t="s">
        <v>561</v>
      </c>
      <c r="AP50" s="360" t="s">
        <v>562</v>
      </c>
      <c r="AQ50" s="361" t="s">
        <v>563</v>
      </c>
      <c r="AR50" s="362" t="s">
        <v>564</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65</v>
      </c>
      <c r="AL51" s="355"/>
      <c r="AM51" s="363">
        <v>92095709</v>
      </c>
      <c r="AN51" s="364">
        <v>63713</v>
      </c>
      <c r="AO51" s="365">
        <v>22.3</v>
      </c>
      <c r="AP51" s="366">
        <v>53572</v>
      </c>
      <c r="AQ51" s="367">
        <v>5.4</v>
      </c>
      <c r="AR51" s="368">
        <v>16.899999999999999</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66</v>
      </c>
      <c r="AM52" s="371">
        <v>50840527</v>
      </c>
      <c r="AN52" s="372">
        <v>35172</v>
      </c>
      <c r="AO52" s="373">
        <v>37.1</v>
      </c>
      <c r="AP52" s="374">
        <v>25259</v>
      </c>
      <c r="AQ52" s="375">
        <v>11.8</v>
      </c>
      <c r="AR52" s="376">
        <v>25.3</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67</v>
      </c>
      <c r="AL53" s="355"/>
      <c r="AM53" s="363">
        <v>75451005</v>
      </c>
      <c r="AN53" s="364">
        <v>51687</v>
      </c>
      <c r="AO53" s="365">
        <v>-18.899999999999999</v>
      </c>
      <c r="AP53" s="366">
        <v>51898</v>
      </c>
      <c r="AQ53" s="367">
        <v>-3.1</v>
      </c>
      <c r="AR53" s="368">
        <v>-15.8</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66</v>
      </c>
      <c r="AM54" s="371">
        <v>42465572</v>
      </c>
      <c r="AN54" s="372">
        <v>29091</v>
      </c>
      <c r="AO54" s="373">
        <v>-17.3</v>
      </c>
      <c r="AP54" s="374">
        <v>25986</v>
      </c>
      <c r="AQ54" s="375">
        <v>2.9</v>
      </c>
      <c r="AR54" s="376">
        <v>-20.2</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68</v>
      </c>
      <c r="AL55" s="355"/>
      <c r="AM55" s="363">
        <v>77075086</v>
      </c>
      <c r="AN55" s="364">
        <v>52284</v>
      </c>
      <c r="AO55" s="365">
        <v>1.2</v>
      </c>
      <c r="AP55" s="366">
        <v>51684</v>
      </c>
      <c r="AQ55" s="367">
        <v>-0.4</v>
      </c>
      <c r="AR55" s="368">
        <v>1.6</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66</v>
      </c>
      <c r="AM56" s="371">
        <v>40580701</v>
      </c>
      <c r="AN56" s="372">
        <v>27528</v>
      </c>
      <c r="AO56" s="373">
        <v>-5.4</v>
      </c>
      <c r="AP56" s="374">
        <v>26671</v>
      </c>
      <c r="AQ56" s="375">
        <v>2.6</v>
      </c>
      <c r="AR56" s="376">
        <v>-8</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69</v>
      </c>
      <c r="AL57" s="355"/>
      <c r="AM57" s="363">
        <v>96676430</v>
      </c>
      <c r="AN57" s="364">
        <v>64969</v>
      </c>
      <c r="AO57" s="365">
        <v>24.3</v>
      </c>
      <c r="AP57" s="366">
        <v>52897</v>
      </c>
      <c r="AQ57" s="367">
        <v>2.2999999999999998</v>
      </c>
      <c r="AR57" s="368">
        <v>22</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66</v>
      </c>
      <c r="AM58" s="371">
        <v>56049538</v>
      </c>
      <c r="AN58" s="372">
        <v>37667</v>
      </c>
      <c r="AO58" s="373">
        <v>36.799999999999997</v>
      </c>
      <c r="AP58" s="374">
        <v>27013</v>
      </c>
      <c r="AQ58" s="375">
        <v>1.3</v>
      </c>
      <c r="AR58" s="376">
        <v>35.5</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70</v>
      </c>
      <c r="AL59" s="355"/>
      <c r="AM59" s="363">
        <v>92466191</v>
      </c>
      <c r="AN59" s="364">
        <v>61625</v>
      </c>
      <c r="AO59" s="365">
        <v>-5.0999999999999996</v>
      </c>
      <c r="AP59" s="366">
        <v>54945</v>
      </c>
      <c r="AQ59" s="367">
        <v>3.9</v>
      </c>
      <c r="AR59" s="368">
        <v>-9</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66</v>
      </c>
      <c r="AM60" s="371">
        <v>49446950</v>
      </c>
      <c r="AN60" s="372">
        <v>32955</v>
      </c>
      <c r="AO60" s="373">
        <v>-12.5</v>
      </c>
      <c r="AP60" s="374">
        <v>29293</v>
      </c>
      <c r="AQ60" s="375">
        <v>8.4</v>
      </c>
      <c r="AR60" s="376">
        <v>-20.9</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71</v>
      </c>
      <c r="AL61" s="377"/>
      <c r="AM61" s="378">
        <v>86752884</v>
      </c>
      <c r="AN61" s="379">
        <v>58856</v>
      </c>
      <c r="AO61" s="380">
        <v>4.8</v>
      </c>
      <c r="AP61" s="381">
        <v>52999</v>
      </c>
      <c r="AQ61" s="382">
        <v>1.6</v>
      </c>
      <c r="AR61" s="368">
        <v>3.2</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66</v>
      </c>
      <c r="AM62" s="371">
        <v>47876658</v>
      </c>
      <c r="AN62" s="372">
        <v>32483</v>
      </c>
      <c r="AO62" s="373">
        <v>7.7</v>
      </c>
      <c r="AP62" s="374">
        <v>26844</v>
      </c>
      <c r="AQ62" s="375">
        <v>5.4</v>
      </c>
      <c r="AR62" s="376">
        <v>2.2999999999999998</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N0iGQjzzO0MYi2M0PI4ud3+Go4ux8rvUWqIGNTAGSkdsLK9HKdJERitjm9zZQBit3FWFLywjfmYIvU80EXKNNg==" saltValue="G/eWVC3mjkY6pKCxZf3IZA=="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73</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owFfKnpqC9YMZiLlU4EsbTSlCY7x/cR5Z8lw+7Sj3SJ1Jrxy2VOeJda7wGuFn16HuajcksyN9GdlYjqMrpvv1w==" saltValue="v6cVjvZu1/TK/vA848QC+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74</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1MdyuMngmR5BuUN8YbBaWAQZsxnISLbkUTmKzSz8xAUh13ACY+D2S5YQgXcthnaACYjbUi+AZZC2olYeaua3Iw==" saltValue="+VpUlWa/9QAmpGA56K1on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75</v>
      </c>
      <c r="G46" s="8" t="s">
        <v>576</v>
      </c>
      <c r="H46" s="8" t="s">
        <v>577</v>
      </c>
      <c r="I46" s="8" t="s">
        <v>578</v>
      </c>
      <c r="J46" s="9" t="s">
        <v>579</v>
      </c>
    </row>
    <row r="47" spans="2:10" ht="57.75" customHeight="1" x14ac:dyDescent="0.2">
      <c r="B47" s="10"/>
      <c r="C47" s="1232" t="s">
        <v>3</v>
      </c>
      <c r="D47" s="1232"/>
      <c r="E47" s="1233"/>
      <c r="F47" s="11">
        <v>0.95</v>
      </c>
      <c r="G47" s="12">
        <v>1.63</v>
      </c>
      <c r="H47" s="12">
        <v>1.73</v>
      </c>
      <c r="I47" s="12">
        <v>1.57</v>
      </c>
      <c r="J47" s="13">
        <v>1.66</v>
      </c>
    </row>
    <row r="48" spans="2:10" ht="57.75" customHeight="1" x14ac:dyDescent="0.2">
      <c r="B48" s="14"/>
      <c r="C48" s="1234" t="s">
        <v>4</v>
      </c>
      <c r="D48" s="1234"/>
      <c r="E48" s="1235"/>
      <c r="F48" s="15">
        <v>0.14000000000000001</v>
      </c>
      <c r="G48" s="16">
        <v>0.16</v>
      </c>
      <c r="H48" s="16">
        <v>0.18</v>
      </c>
      <c r="I48" s="16">
        <v>0.2</v>
      </c>
      <c r="J48" s="17">
        <v>0.17</v>
      </c>
    </row>
    <row r="49" spans="2:10" ht="57.75" customHeight="1" thickBot="1" x14ac:dyDescent="0.25">
      <c r="B49" s="18"/>
      <c r="C49" s="1236" t="s">
        <v>5</v>
      </c>
      <c r="D49" s="1236"/>
      <c r="E49" s="1237"/>
      <c r="F49" s="19">
        <v>0.09</v>
      </c>
      <c r="G49" s="20">
        <v>0.69</v>
      </c>
      <c r="H49" s="20">
        <v>0.12</v>
      </c>
      <c r="I49" s="20">
        <v>7.0000000000000007E-2</v>
      </c>
      <c r="J49" s="21">
        <v>7.0000000000000007E-2</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nw12RtKqkYRYkbfSLPdBPTCtnCl/HoShK8kBUoPZ3g9CtE5bwmZ7IN/Jd1dClhPdnZ+iX8MfRLIBVE4cBsZSyg==" saltValue="GNTm0m7AK4SBSDhqSjuJd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13T02:49:11Z</cp:lastPrinted>
  <dcterms:created xsi:type="dcterms:W3CDTF">2020-02-10T03:28:19Z</dcterms:created>
  <dcterms:modified xsi:type="dcterms:W3CDTF">2020-09-28T07:09:08Z</dcterms:modified>
  <cp:category/>
</cp:coreProperties>
</file>